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docMetadata/LabelInfo.xml" ContentType="application/vnd.ms-office.classificationlabel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6" Type="http://schemas.microsoft.com/office/2020/02/relationships/classificationlabels" Target="docMetadata/LabelInfo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  <p:sldMasterId id="2147483662" r:id="rId5"/>
  </p:sldMasterIdLst>
  <p:notesMasterIdLst>
    <p:notesMasterId r:id="rId10"/>
  </p:notesMasterIdLst>
  <p:sldIdLst>
    <p:sldId id="276" r:id="rId6"/>
    <p:sldId id="271" r:id="rId7"/>
    <p:sldId id="274" r:id="rId8"/>
    <p:sldId id="277" r:id="rId9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 Section" id="{13EFF191-3BBB-4713-9B59-85F54B1D706D}">
          <p14:sldIdLst>
            <p14:sldId id="276"/>
            <p14:sldId id="271"/>
            <p14:sldId id="274"/>
            <p14:sldId id="277"/>
          </p14:sldIdLst>
        </p14:section>
      </p14:sectionLst>
    </p:ext>
    <p:ext uri="{EFAFB233-063F-42B5-8137-9DF3F51BA10A}">
      <p15:sldGuideLst xmlns:p15="http://schemas.microsoft.com/office/powerpoint/2012/main">
        <p15:guide id="1" orient="horz" pos="2136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55C70489-7B77-9276-5AFE-E5B1F1897729}" name="Katie Erofeeva" initials="KE" userId="S::erofeevak@iata.org::9bb4228e-397b-48a3-9610-2a1c04e66adc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D31FA"/>
    <a:srgbClr val="F04632"/>
    <a:srgbClr val="0377B5"/>
    <a:srgbClr val="11ACE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>
        <p:scale>
          <a:sx n="90" d="100"/>
          <a:sy n="90" d="100"/>
        </p:scale>
        <p:origin x="728" y="416"/>
      </p:cViewPr>
      <p:guideLst>
        <p:guide orient="horz" pos="2136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3.xml"/><Relationship Id="rId13" Type="http://schemas.openxmlformats.org/officeDocument/2006/relationships/theme" Target="theme/theme1.xml"/><Relationship Id="rId3" Type="http://schemas.openxmlformats.org/officeDocument/2006/relationships/customXml" Target="../customXml/item3.xml"/><Relationship Id="rId7" Type="http://schemas.openxmlformats.org/officeDocument/2006/relationships/slide" Target="slides/slide2.xml"/><Relationship Id="rId12" Type="http://schemas.openxmlformats.org/officeDocument/2006/relationships/viewProps" Target="viewProps.xml"/><Relationship Id="rId2" Type="http://schemas.openxmlformats.org/officeDocument/2006/relationships/customXml" Target="../customXml/item2.xml"/><Relationship Id="rId1" Type="http://schemas.openxmlformats.org/officeDocument/2006/relationships/customXml" Target="../customXml/item1.xml"/><Relationship Id="rId6" Type="http://schemas.openxmlformats.org/officeDocument/2006/relationships/slide" Target="slides/slide1.xml"/><Relationship Id="rId11" Type="http://schemas.openxmlformats.org/officeDocument/2006/relationships/presProps" Target="presProps.xml"/><Relationship Id="rId5" Type="http://schemas.openxmlformats.org/officeDocument/2006/relationships/slideMaster" Target="slideMasters/slideMaster2.xml"/><Relationship Id="rId15" Type="http://schemas.microsoft.com/office/2018/10/relationships/authors" Target="authors.xml"/><Relationship Id="rId10" Type="http://schemas.openxmlformats.org/officeDocument/2006/relationships/notesMaster" Target="notesMasters/notes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4.xml"/><Relationship Id="rId14" Type="http://schemas.openxmlformats.org/officeDocument/2006/relationships/tableStyles" Target="tableStyle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4213A39E-74EA-2940-8DFD-CEDED66EE5B9}" type="datetimeFigureOut">
              <a:rPr lang="en-US" smtClean="0"/>
              <a:t>4/22/202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9C01CDD-EED7-6A47-8F70-0F65E6EC44B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3793762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22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7521932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FE8E93-99C0-4F4C-AB37-E729171113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DFB1897-B888-9346-92AF-5C8F2BD9E619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F5829AB-B605-0F40-A69E-092C95D1646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22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C22DFD7-2EBB-1542-9872-BC75504D2B9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B105B0D-8F95-3C4D-B876-789FE7E7B7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381229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3E69C5F-9C73-6E4E-8B50-3FBDEC5AF49B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7172EEE-F983-CD47-B2CF-64B361C85BE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9DE8F8A-F341-C845-95EF-C41D993CD00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22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2631E72-2744-964D-9031-6AF76ECDD31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B164DB0-3FA6-334B-BD52-6B7321FA29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4480394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2775133810"/>
      </p:ext>
    </p:extLst>
  </p:cSld>
  <p:clrMapOvr>
    <a:masterClrMapping/>
  </p:clrMapOvr>
  <p:transition>
    <p:fade/>
  </p:transition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22/04/2025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3194436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WHITE_Title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1485900"/>
            <a:ext cx="5904000" cy="2387600"/>
          </a:xfrm>
        </p:spPr>
        <p:txBody>
          <a:bodyPr anchor="t" anchorCtr="0"/>
          <a:lstStyle>
            <a:lvl1pPr algn="l">
              <a:lnSpc>
                <a:spcPts val="5800"/>
              </a:lnSpc>
              <a:defRPr sz="5600">
                <a:solidFill>
                  <a:schemeClr val="accent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965575"/>
            <a:ext cx="5904000" cy="1655762"/>
          </a:xfrm>
        </p:spPr>
        <p:txBody>
          <a:bodyPr anchor="t" anchorCtr="0"/>
          <a:lstStyle>
            <a:lvl1pPr marL="0" indent="0" algn="l">
              <a:lnSpc>
                <a:spcPts val="3400"/>
              </a:lnSpc>
              <a:spcBef>
                <a:spcPts val="0"/>
              </a:spcBef>
              <a:spcAft>
                <a:spcPts val="1400"/>
              </a:spcAft>
              <a:buNone/>
              <a:defRPr sz="32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7013E3A3-37C5-400E-905D-C7BC5CA55E5C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528388" y="5678705"/>
            <a:ext cx="1281937" cy="802800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BEE11BD8-6580-41DD-940E-B1D1B8B2E210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22 April 2025</a:t>
            </a:fld>
            <a:endParaRPr lang="en-US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897A30E8-35A3-4CE7-93BA-293D648C86FF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69738BE3-1506-4C98-A8EE-0BB4912D32C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40223583"/>
      </p:ext>
    </p:extLst>
  </p:cSld>
  <p:clrMapOvr>
    <a:masterClrMapping/>
  </p:clrMapOvr>
  <p:transition>
    <p:fade/>
  </p:transition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WHITE_TextSlide_1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60821CC-265E-473E-BD96-BC93B6A49D4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F4C4D5EE-B9EC-4B8B-B697-CD3B955461AE}"/>
              </a:ext>
            </a:extLst>
          </p:cNvPr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98937FE-5C9B-40C9-8C55-48EB04CA346C}" type="datetime3">
              <a:rPr lang="en-US" smtClean="0"/>
              <a:pPr/>
              <a:t>22 April 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Freeform 5">
            <a:extLst>
              <a:ext uri="{FF2B5EF4-FFF2-40B4-BE49-F238E27FC236}">
                <a16:creationId xmlns:a16="http://schemas.microsoft.com/office/drawing/2014/main" id="{0D518933-C06B-479E-8487-1189C2548F67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46022265"/>
      </p:ext>
    </p:extLst>
  </p:cSld>
  <p:clrMapOvr>
    <a:masterClrMapping/>
  </p:clrMapOvr>
  <p:transition>
    <p:fade/>
  </p:transition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WHITE_TextSlide_2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</p:spPr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6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 hasCustomPrompt="1"/>
          </p:nvPr>
        </p:nvSpPr>
        <p:spPr>
          <a:xfrm>
            <a:off x="6287176" y="1485900"/>
            <a:ext cx="5523824" cy="4267200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>
              <a:defRPr>
                <a:solidFill>
                  <a:schemeClr val="accent1"/>
                </a:solidFill>
              </a:defRPr>
            </a:lvl5pPr>
            <a:lvl6pPr>
              <a:defRPr>
                <a:solidFill>
                  <a:schemeClr val="accent1"/>
                </a:solidFill>
              </a:defRPr>
            </a:lvl6pPr>
            <a:lvl7pPr>
              <a:defRPr>
                <a:solidFill>
                  <a:schemeClr val="accent1"/>
                </a:solidFill>
              </a:defRPr>
            </a:lvl7pPr>
            <a:lvl8pPr>
              <a:defRPr>
                <a:solidFill>
                  <a:schemeClr val="accent1"/>
                </a:solidFill>
              </a:defRPr>
            </a:lvl8pPr>
            <a:lvl9pPr>
              <a:defRPr>
                <a:solidFill>
                  <a:schemeClr val="accent1"/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  <a:p>
            <a:pPr lvl="5"/>
            <a:r>
              <a:rPr lang="en-US"/>
              <a:t>Sixth level</a:t>
            </a:r>
          </a:p>
          <a:p>
            <a:pPr lvl="6"/>
            <a:r>
              <a:rPr lang="en-US"/>
              <a:t>Seventh level</a:t>
            </a:r>
          </a:p>
          <a:p>
            <a:pPr lvl="7"/>
            <a:r>
              <a:rPr lang="en-US"/>
              <a:t>Eighth level</a:t>
            </a:r>
          </a:p>
          <a:p>
            <a:pPr lvl="8"/>
            <a:r>
              <a:rPr lang="en-US"/>
              <a:t>Nin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97C326BA-A1F7-4E33-88FC-B76359D35FF4}" type="datetime3">
              <a:rPr lang="en-US" smtClean="0"/>
              <a:pPr/>
              <a:t>22 April 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8" name="Freeform 5">
            <a:extLst>
              <a:ext uri="{FF2B5EF4-FFF2-40B4-BE49-F238E27FC236}">
                <a16:creationId xmlns:a16="http://schemas.microsoft.com/office/drawing/2014/main" id="{5B7B4106-2F1F-45B9-9A64-FAC3DF7E09F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18303317"/>
      </p:ext>
    </p:extLst>
  </p:cSld>
  <p:clrMapOvr>
    <a:masterClrMapping/>
  </p:clrMapOvr>
  <p:transition>
    <p:fade/>
  </p:transition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WHITE_Title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44D976F-6FAA-4B37-814C-E2540D4155C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F0BFC25-F2D8-40D7-96BA-C0F78F6A687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F82CEB40-7C69-47E5-9106-E566935D3F53}" type="datetime3">
              <a:rPr lang="en-US" smtClean="0"/>
              <a:pPr/>
              <a:t>22 April 2025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D0EEA34B-ADB0-4A9B-A944-DB4F9AB7A20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72EE72B-8C4F-4C4B-8E3A-D7A4D706EB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6" name="Freeform 5">
            <a:extLst>
              <a:ext uri="{FF2B5EF4-FFF2-40B4-BE49-F238E27FC236}">
                <a16:creationId xmlns:a16="http://schemas.microsoft.com/office/drawing/2014/main" id="{9E037E20-29EF-410F-AA70-D50FAE88B30D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457804057"/>
      </p:ext>
    </p:extLst>
  </p:cSld>
  <p:clrMapOvr>
    <a:masterClrMapping/>
  </p:clrMapOvr>
  <p:transition>
    <p:fade/>
  </p:transition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WHIT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reeform 5">
            <a:extLst>
              <a:ext uri="{FF2B5EF4-FFF2-40B4-BE49-F238E27FC236}">
                <a16:creationId xmlns:a16="http://schemas.microsoft.com/office/drawing/2014/main" id="{1A86010D-9F01-497B-8478-6CF04E7FA29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358FB484-E257-4956-8FB5-C4732E1049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22 April 2025</a:t>
            </a:fld>
            <a:endParaRPr lang="en-US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9AF5AAFD-95B3-4157-BBB5-7CC40DB355F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A34BD8F-0033-4927-AA44-05B0484E30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3934967"/>
      </p:ext>
    </p:extLst>
  </p:cSld>
  <p:clrMapOvr>
    <a:masterClrMapping/>
  </p:clrMapOvr>
  <p:transition>
    <p:fade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ThankYou-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Picture Placeholder 16">
            <a:extLst>
              <a:ext uri="{FF2B5EF4-FFF2-40B4-BE49-F238E27FC236}">
                <a16:creationId xmlns:a16="http://schemas.microsoft.com/office/drawing/2014/main" id="{DBB8F16C-570A-470A-AC41-3DFDC1411C30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448425" y="0"/>
            <a:ext cx="5753100" cy="5753100"/>
          </a:xfrm>
          <a:custGeom>
            <a:avLst/>
            <a:gdLst>
              <a:gd name="connsiteX0" fmla="*/ 0 w 5753100"/>
              <a:gd name="connsiteY0" fmla="*/ 0 h 5753100"/>
              <a:gd name="connsiteX1" fmla="*/ 5753100 w 5753100"/>
              <a:gd name="connsiteY1" fmla="*/ 0 h 5753100"/>
              <a:gd name="connsiteX2" fmla="*/ 5753100 w 5753100"/>
              <a:gd name="connsiteY2" fmla="*/ 5753100 h 5753100"/>
              <a:gd name="connsiteX3" fmla="*/ 5742127 w 5753100"/>
              <a:gd name="connsiteY3" fmla="*/ 5753100 h 5753100"/>
              <a:gd name="connsiteX4" fmla="*/ 4388 w 5753100"/>
              <a:gd name="connsiteY4" fmla="*/ 297076 h 5753100"/>
              <a:gd name="connsiteX5" fmla="*/ 0 w 5753100"/>
              <a:gd name="connsiteY5" fmla="*/ 123264 h 57531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5753100" h="5753100">
                <a:moveTo>
                  <a:pt x="0" y="0"/>
                </a:moveTo>
                <a:lnTo>
                  <a:pt x="5753100" y="0"/>
                </a:lnTo>
                <a:lnTo>
                  <a:pt x="5753100" y="5753100"/>
                </a:lnTo>
                <a:lnTo>
                  <a:pt x="5742127" y="5753100"/>
                </a:lnTo>
                <a:cubicBezTo>
                  <a:pt x="2667478" y="5753100"/>
                  <a:pt x="158214" y="3337026"/>
                  <a:pt x="4388" y="297076"/>
                </a:cubicBezTo>
                <a:lnTo>
                  <a:pt x="0" y="123264"/>
                </a:ln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FDAC0F2-E162-4565-9679-1193BED926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547513D5-8313-4D89-8E49-067C97135D8A}" type="datetime3">
              <a:rPr lang="en-US" smtClean="0"/>
              <a:pPr/>
              <a:t>22 April 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5EF2AD9-AF82-4B19-803C-572B453632B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AE3A021-2616-4326-A4F5-4398F8F6104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Title 1">
            <a:extLst>
              <a:ext uri="{FF2B5EF4-FFF2-40B4-BE49-F238E27FC236}">
                <a16:creationId xmlns:a16="http://schemas.microsoft.com/office/drawing/2014/main" id="{587FC103-9DE1-4F89-B054-F6510798AE3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381000" y="381000"/>
            <a:ext cx="4736592" cy="3048000"/>
          </a:xfrm>
        </p:spPr>
        <p:txBody>
          <a:bodyPr anchor="t" anchorCtr="0"/>
          <a:lstStyle>
            <a:lvl1pPr>
              <a:defRPr sz="5400">
                <a:solidFill>
                  <a:schemeClr val="accent1"/>
                </a:solidFill>
              </a:defRPr>
            </a:lvl1pPr>
          </a:lstStyle>
          <a:p>
            <a:r>
              <a:rPr lang="en-US"/>
              <a:t>Click to edit thank you style</a:t>
            </a:r>
          </a:p>
        </p:txBody>
      </p:sp>
      <p:sp>
        <p:nvSpPr>
          <p:cNvPr id="8" name="Content Placeholder 2">
            <a:extLst>
              <a:ext uri="{FF2B5EF4-FFF2-40B4-BE49-F238E27FC236}">
                <a16:creationId xmlns:a16="http://schemas.microsoft.com/office/drawing/2014/main" id="{1455B940-1A19-45DC-8F22-530EFA8E4ADA}"/>
              </a:ext>
            </a:extLst>
          </p:cNvPr>
          <p:cNvSpPr>
            <a:spLocks noGrp="1"/>
          </p:cNvSpPr>
          <p:nvPr>
            <p:ph sz="half" idx="1" hasCustomPrompt="1"/>
          </p:nvPr>
        </p:nvSpPr>
        <p:spPr>
          <a:xfrm>
            <a:off x="381000" y="3429000"/>
            <a:ext cx="4736592" cy="2438536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US"/>
              <a:t>Edit contact or sign off information</a:t>
            </a:r>
          </a:p>
        </p:txBody>
      </p:sp>
      <p:sp>
        <p:nvSpPr>
          <p:cNvPr id="9" name="Freeform 5">
            <a:extLst>
              <a:ext uri="{FF2B5EF4-FFF2-40B4-BE49-F238E27FC236}">
                <a16:creationId xmlns:a16="http://schemas.microsoft.com/office/drawing/2014/main" id="{0F5EA913-91DE-4286-B6E6-13E414E82212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910325" y="5917889"/>
            <a:ext cx="900000" cy="56361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570130942"/>
      </p:ext>
    </p:extLst>
  </p:cSld>
  <p:clrMapOvr>
    <a:masterClrMapping/>
  </p:clrMapOvr>
  <p:transition>
    <p:fade/>
  </p:transition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2985F9-31B5-2540-B937-EA189AF5DA7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A3CA9B0-BBB7-6441-A559-3E340EF8670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D47C409-8C8B-6D43-99F1-CFD69ACA474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22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3127BCF6-BAE8-774D-A156-D3DAFAB60F5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F44C072-1B3F-3A41-9084-C3E7547A904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8791259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>
  <p:cSld name="1_WHITE_TextSlide_3-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6337838-0F4C-4B60-9EA9-A72EA553984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4CB9B81-F331-4A9C-BE92-11CAB2A6B4B3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381675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6FE12FA-2958-4BD2-846B-0E828DE720B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4404022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A5227B3-9D23-4B0B-B20D-E90AB0E09E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8964083-8682-4D5C-A107-1853638C6A31}" type="datetime3">
              <a:rPr lang="en-US"/>
              <a:t>22 April 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3AF83FD3-9274-482A-8C94-F5BC022606D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ECC19CC5-1292-4F3E-AC14-45654E86320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A9E565A-6679-4A67-8FB7-14EA342FD6E1}" type="slidenum">
              <a:rPr lang="en-US"/>
              <a:t>‹#›</a:t>
            </a:fld>
            <a:endParaRPr lang="en-US"/>
          </a:p>
        </p:txBody>
      </p:sp>
      <p:sp>
        <p:nvSpPr>
          <p:cNvPr id="8" name="Content Placeholder 3">
            <a:extLst>
              <a:ext uri="{FF2B5EF4-FFF2-40B4-BE49-F238E27FC236}">
                <a16:creationId xmlns:a16="http://schemas.microsoft.com/office/drawing/2014/main" id="{CC9A967D-8A0B-4436-A012-333049F84F2E}"/>
              </a:ext>
            </a:extLst>
          </p:cNvPr>
          <p:cNvSpPr>
            <a:spLocks noGrp="1"/>
          </p:cNvSpPr>
          <p:nvPr>
            <p:ph sz="half" idx="13"/>
          </p:nvPr>
        </p:nvSpPr>
        <p:spPr>
          <a:xfrm>
            <a:off x="8427720" y="1485900"/>
            <a:ext cx="3383280" cy="42672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473321478"/>
      </p:ext>
    </p:extLst>
  </p:cSld>
  <p:clrMapOvr>
    <a:masterClrMapping/>
  </p:clrMapOvr>
  <p:transition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Events A/V 'Logo' Dark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ADE39F4C-5E90-4313-90D0-D1522A010B1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solidFill>
            <a:schemeClr val="bg1">
              <a:lumMod val="75000"/>
            </a:schemeClr>
          </a:solidFill>
        </p:spPr>
        <p:txBody>
          <a:bodyPr anchor="ctr" anchorCtr="0"/>
          <a:lstStyle>
            <a:lvl1pPr algn="ctr">
              <a:defRPr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7E5DEED-A00F-432E-919B-A31AE102E4C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381000" y="3999896"/>
            <a:ext cx="5904000" cy="1753204"/>
          </a:xfrm>
        </p:spPr>
        <p:txBody>
          <a:bodyPr anchor="ctr" anchorCtr="0"/>
          <a:lstStyle>
            <a:lvl1pPr algn="l">
              <a:lnSpc>
                <a:spcPts val="6000"/>
              </a:lnSpc>
              <a:defRPr sz="60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232A637-F57B-4008-8DC2-4D2B8ECC1A6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381000" y="3141132"/>
            <a:ext cx="5904000" cy="850297"/>
          </a:xfrm>
        </p:spPr>
        <p:txBody>
          <a:bodyPr anchor="t" anchorCtr="0"/>
          <a:lstStyle>
            <a:lvl1pPr marL="0" indent="0" algn="l">
              <a:lnSpc>
                <a:spcPts val="2800"/>
              </a:lnSpc>
              <a:spcBef>
                <a:spcPts val="0"/>
              </a:spcBef>
              <a:spcAft>
                <a:spcPts val="0"/>
              </a:spcAft>
              <a:buNone/>
              <a:defRPr sz="2400" b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13" name="Freeform 5">
            <a:extLst>
              <a:ext uri="{FF2B5EF4-FFF2-40B4-BE49-F238E27FC236}">
                <a16:creationId xmlns:a16="http://schemas.microsoft.com/office/drawing/2014/main" id="{4410B460-2C02-4566-8E5A-96EDDC702FD5}"/>
              </a:ext>
            </a:extLst>
          </p:cNvPr>
          <p:cNvSpPr>
            <a:spLocks noChangeAspect="1" noEditPoints="1"/>
          </p:cNvSpPr>
          <p:nvPr userDrawn="1"/>
        </p:nvSpPr>
        <p:spPr bwMode="auto">
          <a:xfrm>
            <a:off x="10092267" y="5405588"/>
            <a:ext cx="1718058" cy="1075917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DE5E1F-9D28-455D-A549-FE42B4E65301}"/>
              </a:ext>
            </a:extLst>
          </p:cNvPr>
          <p:cNvSpPr>
            <a:spLocks noGrp="1"/>
          </p:cNvSpPr>
          <p:nvPr>
            <p:ph type="pic" sz="quarter" idx="10" hasCustomPrompt="1"/>
          </p:nvPr>
        </p:nvSpPr>
        <p:spPr>
          <a:xfrm>
            <a:off x="7587342" y="5595257"/>
            <a:ext cx="1996923" cy="886247"/>
          </a:xfrm>
        </p:spPr>
        <p:txBody>
          <a:bodyPr anchor="ctr" anchorCtr="0"/>
          <a:lstStyle>
            <a:lvl1pPr algn="ctr">
              <a:defRPr sz="1600">
                <a:solidFill>
                  <a:schemeClr val="bg1"/>
                </a:solidFill>
              </a:defRPr>
            </a:lvl1pPr>
          </a:lstStyle>
          <a:p>
            <a:r>
              <a:rPr lang="en-US"/>
              <a:t>Sponsor logo</a:t>
            </a:r>
          </a:p>
        </p:txBody>
      </p:sp>
      <p:sp>
        <p:nvSpPr>
          <p:cNvPr id="11" name="Rectangle 10">
            <a:extLst>
              <a:ext uri="{FF2B5EF4-FFF2-40B4-BE49-F238E27FC236}">
                <a16:creationId xmlns:a16="http://schemas.microsoft.com/office/drawing/2014/main" id="{870F2B61-F0E7-4176-ABA5-BC91B82132E0}"/>
              </a:ext>
            </a:extLst>
          </p:cNvPr>
          <p:cNvSpPr/>
          <p:nvPr userDrawn="1"/>
        </p:nvSpPr>
        <p:spPr>
          <a:xfrm>
            <a:off x="-326334" y="368300"/>
            <a:ext cx="222739" cy="2341563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270" lIns="0" tIns="0" rIns="0" bIns="0" rtlCol="0" anchor="ctr"/>
          <a:lstStyle/>
          <a:p>
            <a:pPr algn="ctr"/>
            <a:r>
              <a:rPr lang="en-US" sz="1050">
                <a:solidFill>
                  <a:schemeClr val="tx1"/>
                </a:solidFill>
              </a:rPr>
              <a:t>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      </a:t>
            </a:r>
            <a:r>
              <a:rPr lang="en-US" sz="1050">
                <a:solidFill>
                  <a:schemeClr val="tx1"/>
                </a:solidFill>
              </a:rPr>
              <a:t>HEIGHT OF EVENT LOCKUP     </a:t>
            </a:r>
            <a:r>
              <a:rPr lang="en-US" sz="1050">
                <a:solidFill>
                  <a:schemeClr val="tx1"/>
                </a:solidFill>
                <a:sym typeface="Wingdings" panose="05000000000000000000" pitchFamily="2" charset="2"/>
              </a:rPr>
              <a:t></a:t>
            </a:r>
            <a:endParaRPr lang="en-US" sz="1050">
              <a:solidFill>
                <a:schemeClr val="tx1"/>
              </a:solidFill>
            </a:endParaRPr>
          </a:p>
        </p:txBody>
      </p:sp>
      <p:sp>
        <p:nvSpPr>
          <p:cNvPr id="12" name="Text Placeholder 6">
            <a:extLst>
              <a:ext uri="{FF2B5EF4-FFF2-40B4-BE49-F238E27FC236}">
                <a16:creationId xmlns:a16="http://schemas.microsoft.com/office/drawing/2014/main" id="{6591620A-F941-4CFD-BE01-09A2C7417AF2}"/>
              </a:ext>
            </a:extLst>
          </p:cNvPr>
          <p:cNvSpPr>
            <a:spLocks noGrp="1"/>
          </p:cNvSpPr>
          <p:nvPr>
            <p:ph type="body" sz="quarter" idx="12"/>
          </p:nvPr>
        </p:nvSpPr>
        <p:spPr>
          <a:xfrm>
            <a:off x="7587341" y="5366657"/>
            <a:ext cx="1996923" cy="228600"/>
          </a:xfrm>
        </p:spPr>
        <p:txBody>
          <a:bodyPr/>
          <a:lstStyle>
            <a:lvl1pPr algn="ctr">
              <a:defRPr sz="900">
                <a:solidFill>
                  <a:schemeClr val="bg1"/>
                </a:solidFill>
              </a:defRPr>
            </a:lvl1pPr>
            <a:lvl2pPr marL="285750" indent="0">
              <a:buNone/>
              <a:defRPr sz="1050"/>
            </a:lvl2pPr>
            <a:lvl3pPr>
              <a:defRPr sz="1050"/>
            </a:lvl3pPr>
            <a:lvl4pPr>
              <a:defRPr sz="1050"/>
            </a:lvl4pPr>
            <a:lvl5pPr>
              <a:defRPr sz="105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E5FDA460-FF47-457C-9134-2EDD605C7D2A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Event #hashtag</a:t>
            </a:r>
          </a:p>
        </p:txBody>
      </p:sp>
    </p:spTree>
    <p:extLst>
      <p:ext uri="{BB962C8B-B14F-4D97-AF65-F5344CB8AC3E}">
        <p14:creationId xmlns:p14="http://schemas.microsoft.com/office/powerpoint/2010/main" val="3895379791"/>
      </p:ext>
    </p:extLst>
  </p:cSld>
  <p:clrMapOvr>
    <a:masterClrMapping/>
  </p:clrMapOvr>
  <p:transition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V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ce réservé de la date 1">
            <a:extLst>
              <a:ext uri="{FF2B5EF4-FFF2-40B4-BE49-F238E27FC236}">
                <a16:creationId xmlns:a16="http://schemas.microsoft.com/office/drawing/2014/main" id="{D7B6CA01-B15C-A00E-DDF7-28748174F8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5D7FA1-641F-4670-A8B8-B46D6A2EEDF1}" type="datetimeFigureOut">
              <a:rPr lang="fr-FR" smtClean="0"/>
              <a:t>22/04/2025</a:t>
            </a:fld>
            <a:endParaRPr lang="fr-FR"/>
          </a:p>
        </p:txBody>
      </p:sp>
      <p:sp>
        <p:nvSpPr>
          <p:cNvPr id="3" name="Espace réservé du pied de page 2">
            <a:extLst>
              <a:ext uri="{FF2B5EF4-FFF2-40B4-BE49-F238E27FC236}">
                <a16:creationId xmlns:a16="http://schemas.microsoft.com/office/drawing/2014/main" id="{FB2E67A0-4B0F-47EF-4822-487F5E9EA0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fr-FR"/>
          </a:p>
        </p:txBody>
      </p:sp>
      <p:sp>
        <p:nvSpPr>
          <p:cNvPr id="4" name="Espace réservé du numéro de diapositive 3">
            <a:extLst>
              <a:ext uri="{FF2B5EF4-FFF2-40B4-BE49-F238E27FC236}">
                <a16:creationId xmlns:a16="http://schemas.microsoft.com/office/drawing/2014/main" id="{5CB2FB5A-C3F8-D7F6-7350-3628C5087D4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6915312-5968-4B70-97B2-9FC7D2025FE0}" type="slidenum">
              <a:rPr lang="fr-FR" smtClean="0"/>
              <a:t>‹#›</a:t>
            </a:fld>
            <a:endParaRPr lang="fr-FR"/>
          </a:p>
        </p:txBody>
      </p:sp>
      <p:sp>
        <p:nvSpPr>
          <p:cNvPr id="5" name="Picture Placeholder 9">
            <a:extLst>
              <a:ext uri="{FF2B5EF4-FFF2-40B4-BE49-F238E27FC236}">
                <a16:creationId xmlns:a16="http://schemas.microsoft.com/office/drawing/2014/main" id="{1907E4C6-175A-95AA-79BC-721DD81A3F8C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5188685" y="812800"/>
            <a:ext cx="4347143" cy="4352354"/>
          </a:xfrm>
          <a:custGeom>
            <a:avLst/>
            <a:gdLst>
              <a:gd name="connsiteX0" fmla="*/ 3424894 w 6849789"/>
              <a:gd name="connsiteY0" fmla="*/ 0 h 6858000"/>
              <a:gd name="connsiteX1" fmla="*/ 6849789 w 6849789"/>
              <a:gd name="connsiteY1" fmla="*/ 3429000 h 6858000"/>
              <a:gd name="connsiteX2" fmla="*/ 3424894 w 6849789"/>
              <a:gd name="connsiteY2" fmla="*/ 6858000 h 6858000"/>
              <a:gd name="connsiteX3" fmla="*/ 4456 w 6849789"/>
              <a:gd name="connsiteY3" fmla="*/ 3605456 h 6858000"/>
              <a:gd name="connsiteX4" fmla="*/ 0 w 6849789"/>
              <a:gd name="connsiteY4" fmla="*/ 3429041 h 6858000"/>
              <a:gd name="connsiteX5" fmla="*/ 0 w 6849789"/>
              <a:gd name="connsiteY5" fmla="*/ 3428960 h 6858000"/>
              <a:gd name="connsiteX6" fmla="*/ 4456 w 6849789"/>
              <a:gd name="connsiteY6" fmla="*/ 3252544 h 6858000"/>
              <a:gd name="connsiteX7" fmla="*/ 3424894 w 6849789"/>
              <a:gd name="connsiteY7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849789" h="6858000">
                <a:moveTo>
                  <a:pt x="3424894" y="0"/>
                </a:moveTo>
                <a:cubicBezTo>
                  <a:pt x="5316411" y="0"/>
                  <a:pt x="6849789" y="1535216"/>
                  <a:pt x="6849789" y="3429000"/>
                </a:cubicBezTo>
                <a:cubicBezTo>
                  <a:pt x="6849789" y="5322784"/>
                  <a:pt x="5316411" y="6858000"/>
                  <a:pt x="3424894" y="6858000"/>
                </a:cubicBezTo>
                <a:cubicBezTo>
                  <a:pt x="1592487" y="6858000"/>
                  <a:pt x="96185" y="5417236"/>
                  <a:pt x="4456" y="3605456"/>
                </a:cubicBezTo>
                <a:lnTo>
                  <a:pt x="0" y="3429041"/>
                </a:lnTo>
                <a:lnTo>
                  <a:pt x="0" y="3428960"/>
                </a:lnTo>
                <a:lnTo>
                  <a:pt x="4456" y="3252544"/>
                </a:lnTo>
                <a:cubicBezTo>
                  <a:pt x="96185" y="1440764"/>
                  <a:pt x="1592487" y="0"/>
                  <a:pt x="3424894" y="0"/>
                </a:cubicBezTo>
                <a:close/>
              </a:path>
            </a:pathLst>
          </a:custGeom>
          <a:solidFill>
            <a:schemeClr val="bg2">
              <a:lumMod val="90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/>
            </a:lvl1pPr>
          </a:lstStyle>
          <a:p>
            <a:r>
              <a:rPr lang="en-US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3771043165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EE4A267-1F74-D94C-986F-EC0CAE7445D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0E1BEBE1-185C-9649-8D9B-6FA1304808ED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189" indent="0" algn="ctr">
              <a:buNone/>
              <a:defRPr sz="2000"/>
            </a:lvl2pPr>
            <a:lvl3pPr marL="914377" indent="0" algn="ctr">
              <a:buNone/>
              <a:defRPr sz="1800"/>
            </a:lvl3pPr>
            <a:lvl4pPr marL="1371566" indent="0" algn="ctr">
              <a:buNone/>
              <a:defRPr sz="1600"/>
            </a:lvl4pPr>
            <a:lvl5pPr marL="1828754" indent="0" algn="ctr">
              <a:buNone/>
              <a:defRPr sz="1600"/>
            </a:lvl5pPr>
            <a:lvl6pPr marL="2285943" indent="0" algn="ctr">
              <a:buNone/>
              <a:defRPr sz="1600"/>
            </a:lvl6pPr>
            <a:lvl7pPr marL="2743131" indent="0" algn="ctr">
              <a:buNone/>
              <a:defRPr sz="1600"/>
            </a:lvl7pPr>
            <a:lvl8pPr marL="3200320" indent="0" algn="ctr">
              <a:buNone/>
              <a:defRPr sz="1600"/>
            </a:lvl8pPr>
            <a:lvl9pPr marL="3657509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AA7A9F-5B7A-AF45-A130-80751079EC6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22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C48047D-868D-3C4E-A067-C30CBF44AB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FFF0B97-8E5F-8342-BF1D-EAC9DCD14BB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516847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9FE67F-593F-EC41-8FB9-B4BB77B9718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88D1F5F7-FC2F-B04F-954D-0E410838700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189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377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566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754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5943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131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32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509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4F5C9DC-B6B9-E744-B57C-6E1CF254D89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22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49A2E35-DC52-AE4F-B2BE-1380251AD59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0457538-E9F9-4A4C-80C8-1B7591693D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9052915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EAA46C2-D2AC-3F4A-9152-1BBD833C79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5BEB2B0-1F1B-544F-9AC8-CAB04FBA9B9E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968D01B-1E76-F24C-AD52-3B0280C5816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ACDE5F1D-CA19-5C4E-ABEB-1BFF0AADCA0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22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B4F2948D-B283-E44A-A733-DE041E442DB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816F90B-9FFA-284F-ADB8-6ABE41E2B4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93120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E559F75-DA2B-234A-9C61-48B556120EC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BEFA76B8-9A70-1349-9361-3898E6329299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59AA3219-9962-3E40-9B95-7C6812A76BA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54D3D70-833C-804D-8186-A87B851EF541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89" indent="0">
              <a:buNone/>
              <a:defRPr sz="2000" b="1"/>
            </a:lvl2pPr>
            <a:lvl3pPr marL="914377" indent="0">
              <a:buNone/>
              <a:defRPr sz="1800" b="1"/>
            </a:lvl3pPr>
            <a:lvl4pPr marL="1371566" indent="0">
              <a:buNone/>
              <a:defRPr sz="1600" b="1"/>
            </a:lvl4pPr>
            <a:lvl5pPr marL="1828754" indent="0">
              <a:buNone/>
              <a:defRPr sz="1600" b="1"/>
            </a:lvl5pPr>
            <a:lvl6pPr marL="2285943" indent="0">
              <a:buNone/>
              <a:defRPr sz="1600" b="1"/>
            </a:lvl6pPr>
            <a:lvl7pPr marL="2743131" indent="0">
              <a:buNone/>
              <a:defRPr sz="1600" b="1"/>
            </a:lvl7pPr>
            <a:lvl8pPr marL="3200320" indent="0">
              <a:buNone/>
              <a:defRPr sz="1600" b="1"/>
            </a:lvl8pPr>
            <a:lvl9pPr marL="3657509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5109F6-B728-A44D-8866-45C5DE5B4B9E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17EA5748-FCFD-1946-86B9-EFA453CBD99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22/2025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AD07FCD-BE1A-EF46-BADD-202B0CAC6B2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4DF02895-6A96-1141-B139-B281BD07BB5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653557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F7D82C-779A-3441-A481-F4CEA93CBD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5E93E3AB-D40D-DC40-B83D-781475DA9A3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22/2025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ACBA22AC-71E9-1F43-9171-E51EA1A690B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57691AC-9D3D-564D-BB81-A0C52F672E7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862626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F49FE447-058A-B74D-ACD9-4CE8A439F54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22/2025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C63E819E-20ED-D844-9FC9-5E5BBF2C3FA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734871E-3217-2B40-9D4B-E4008C76F04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8273086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39C92B6-598D-AC43-A015-04EE99F60C1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580D2CA-D26E-6544-A28C-B5D3935D325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F95C80F2-4EB1-B84D-8A93-3719CE2B703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345085C-D62B-414B-A689-AF4CBCE09DF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22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C5F7F2E5-9B87-044B-9073-49B20FEA55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7CD94D1C-5337-1345-8A82-5B44A2D6A0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53789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0CEF8FB-957A-524C-847C-3BCB1CA0498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B401AD8C-1A85-6844-99D4-7AAAC525453E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189" indent="0">
              <a:buNone/>
              <a:defRPr sz="2800"/>
            </a:lvl2pPr>
            <a:lvl3pPr marL="914377" indent="0">
              <a:buNone/>
              <a:defRPr sz="2400"/>
            </a:lvl3pPr>
            <a:lvl4pPr marL="1371566" indent="0">
              <a:buNone/>
              <a:defRPr sz="2000"/>
            </a:lvl4pPr>
            <a:lvl5pPr marL="1828754" indent="0">
              <a:buNone/>
              <a:defRPr sz="2000"/>
            </a:lvl5pPr>
            <a:lvl6pPr marL="2285943" indent="0">
              <a:buNone/>
              <a:defRPr sz="2000"/>
            </a:lvl6pPr>
            <a:lvl7pPr marL="2743131" indent="0">
              <a:buNone/>
              <a:defRPr sz="2000"/>
            </a:lvl7pPr>
            <a:lvl8pPr marL="3200320" indent="0">
              <a:buNone/>
              <a:defRPr sz="2000"/>
            </a:lvl8pPr>
            <a:lvl9pPr marL="3657509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4576A07-30D2-0642-B2B5-D7C9E472739F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189" indent="0">
              <a:buNone/>
              <a:defRPr sz="1400"/>
            </a:lvl2pPr>
            <a:lvl3pPr marL="914377" indent="0">
              <a:buNone/>
              <a:defRPr sz="1200"/>
            </a:lvl3pPr>
            <a:lvl4pPr marL="1371566" indent="0">
              <a:buNone/>
              <a:defRPr sz="1000"/>
            </a:lvl4pPr>
            <a:lvl5pPr marL="1828754" indent="0">
              <a:buNone/>
              <a:defRPr sz="1000"/>
            </a:lvl5pPr>
            <a:lvl6pPr marL="2285943" indent="0">
              <a:buNone/>
              <a:defRPr sz="1000"/>
            </a:lvl6pPr>
            <a:lvl7pPr marL="2743131" indent="0">
              <a:buNone/>
              <a:defRPr sz="1000"/>
            </a:lvl7pPr>
            <a:lvl8pPr marL="3200320" indent="0">
              <a:buNone/>
              <a:defRPr sz="1000"/>
            </a:lvl8pPr>
            <a:lvl9pPr marL="3657509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0C58B9AD-3990-D242-A1A7-516C82C7BE0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B8E84AD-91E6-3640-8455-81BD6F308BB0}" type="datetimeFigureOut">
              <a:rPr lang="en-US" smtClean="0"/>
              <a:t>4/22/2025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6E98F2C8-3C11-D846-897B-54027748633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2B4597D-B6BA-C244-BEBC-0D047A89B7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40021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.xml"/><Relationship Id="rId3" Type="http://schemas.openxmlformats.org/officeDocument/2006/relationships/slideLayout" Target="../slideLayouts/slideLayout16.xml"/><Relationship Id="rId7" Type="http://schemas.openxmlformats.org/officeDocument/2006/relationships/slideLayout" Target="../slideLayouts/slideLayout20.xml"/><Relationship Id="rId2" Type="http://schemas.openxmlformats.org/officeDocument/2006/relationships/slideLayout" Target="../slideLayouts/slideLayout15.xml"/><Relationship Id="rId1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9.xml"/><Relationship Id="rId11" Type="http://schemas.openxmlformats.org/officeDocument/2006/relationships/theme" Target="../theme/theme2.xml"/><Relationship Id="rId5" Type="http://schemas.openxmlformats.org/officeDocument/2006/relationships/slideLayout" Target="../slideLayouts/slideLayout18.xml"/><Relationship Id="rId10" Type="http://schemas.openxmlformats.org/officeDocument/2006/relationships/slideLayout" Target="../slideLayouts/slideLayout23.xml"/><Relationship Id="rId4" Type="http://schemas.openxmlformats.org/officeDocument/2006/relationships/slideLayout" Target="../slideLayouts/slideLayout17.xml"/><Relationship Id="rId9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8A35A0B9-3AAB-C54E-9711-C32748F2940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A5818C2A-84AE-0349-8EBF-E96AAA33A99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5906F8-31E9-0C45-B971-D604C18EA591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B8E84AD-91E6-3640-8455-81BD6F308BB0}" type="datetimeFigureOut">
              <a:rPr lang="en-US" smtClean="0"/>
              <a:t>4/22/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29C46DBB-A29C-3946-A68B-63DCA80A0848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2266EA6-526D-6E40-AC1A-335523FF336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A5F3444-AAEB-B74E-89F6-AB243EB74A9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703180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  <p:sldLayoutId id="2147483660" r:id="rId12"/>
    <p:sldLayoutId id="2147483661" r:id="rId13"/>
  </p:sldLayoutIdLst>
  <p:txStyles>
    <p:titleStyle>
      <a:lvl1pPr algn="l" defTabSz="914377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594" indent="-228594" algn="l" defTabSz="914377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78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971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160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349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537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726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914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103" indent="-228594" algn="l" defTabSz="914377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8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377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566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754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943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131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320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509" algn="l" defTabSz="91437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B71DE7C4-EADF-49A5-94C9-295DA7102A3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015A1F1-8128-4C7E-90C2-0A9DA95A353A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80999" y="1485900"/>
            <a:ext cx="11429325" cy="4267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B5D38B6-3878-4DD8-B8F9-92C491ABF8F5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0" y="6162324"/>
            <a:ext cx="2743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fld id="{D8F5EBA1-C1C2-4F6F-970D-CFE4A81E1DB0}" type="datetime3">
              <a:rPr lang="en-US" smtClean="0"/>
              <a:pPr/>
              <a:t>22 April 2025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7054503-8F56-486A-BEEB-415EA4A643B4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955370" y="6162324"/>
            <a:ext cx="495013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C259C21-CE9A-4D3A-AB80-ABF8F4D8A7F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381000" y="6162324"/>
            <a:ext cx="457200" cy="365125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400">
                <a:solidFill>
                  <a:schemeClr val="accent1"/>
                </a:solidFill>
              </a:defRPr>
            </a:lvl1pPr>
          </a:lstStyle>
          <a:p>
            <a:fld id="{1A9E565A-6679-4A67-8FB7-14EA342FD6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463561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3" r:id="rId1"/>
    <p:sldLayoutId id="2147483664" r:id="rId2"/>
    <p:sldLayoutId id="2147483665" r:id="rId3"/>
    <p:sldLayoutId id="2147483666" r:id="rId4"/>
    <p:sldLayoutId id="2147483667" r:id="rId5"/>
    <p:sldLayoutId id="2147483668" r:id="rId6"/>
    <p:sldLayoutId id="2147483669" r:id="rId7"/>
    <p:sldLayoutId id="2147483670" r:id="rId8"/>
    <p:sldLayoutId id="2147483671" r:id="rId9"/>
    <p:sldLayoutId id="2147483672" r:id="rId10"/>
  </p:sldLayoutIdLst>
  <p:transition>
    <p:fade/>
  </p:transition>
  <p:hf hd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accent1"/>
          </a:solidFill>
          <a:latin typeface="+mn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None/>
        <a:defRPr sz="2600" kern="1200">
          <a:solidFill>
            <a:schemeClr val="tx1"/>
          </a:solidFill>
          <a:latin typeface="+mn-lt"/>
          <a:ea typeface="+mn-ea"/>
          <a:cs typeface="+mn-cs"/>
        </a:defRPr>
      </a:lvl1pPr>
      <a:lvl2pPr marL="51435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798513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–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201738" indent="-228600" algn="l" defTabSz="914400" rtl="0" eaLnBrk="1" latinLnBrk="0" hangingPunct="1">
        <a:lnSpc>
          <a:spcPct val="90000"/>
        </a:lnSpc>
        <a:spcBef>
          <a:spcPts val="500"/>
        </a:spcBef>
        <a:buFont typeface="Aktiv Grotesk Medium" panose="020B0504020202020204" pitchFamily="34" charset="0"/>
        <a:buChar char="▪"/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5pPr>
      <a:lvl6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6pPr>
      <a:lvl7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7pPr>
      <a:lvl8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8pPr>
      <a:lvl9pPr marL="0" indent="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None/>
        <a:defRPr sz="2400" kern="1200">
          <a:solidFill>
            <a:schemeClr val="accent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F26B43"/>
          </p15:clr>
        </p15:guide>
        <p15:guide id="2" pos="3840">
          <p15:clr>
            <a:srgbClr val="F26B43"/>
          </p15:clr>
        </p15:guide>
        <p15:guide id="3" orient="horz" pos="240">
          <p15:clr>
            <a:srgbClr val="5ACBF0"/>
          </p15:clr>
        </p15:guide>
        <p15:guide id="4" pos="240">
          <p15:clr>
            <a:srgbClr val="5ACBF0"/>
          </p15:clr>
        </p15:guide>
        <p15:guide id="5" pos="7440">
          <p15:clr>
            <a:srgbClr val="5ACBF0"/>
          </p15:clr>
        </p15:guide>
        <p15:guide id="6" pos="3720">
          <p15:clr>
            <a:srgbClr val="5ACBF0"/>
          </p15:clr>
        </p15:guide>
        <p15:guide id="7" pos="3960">
          <p15:clr>
            <a:srgbClr val="5ACBF0"/>
          </p15:clr>
        </p15:guide>
        <p15:guide id="8" orient="horz" pos="528">
          <p15:clr>
            <a:srgbClr val="5ACBF0"/>
          </p15:clr>
        </p15:guide>
        <p15:guide id="9" orient="horz" pos="936">
          <p15:clr>
            <a:srgbClr val="5ACBF0"/>
          </p15:clr>
        </p15:guide>
        <p15:guide id="10" orient="horz" pos="3624">
          <p15:clr>
            <a:srgbClr val="5ACBF0"/>
          </p15:clr>
        </p15:guide>
        <p15:guide id="11" orient="horz" pos="4080">
          <p15:clr>
            <a:srgbClr val="5ACBF0"/>
          </p15:clr>
        </p15:guide>
        <p15:guide id="12" orient="horz" pos="1200">
          <p15:clr>
            <a:srgbClr val="5ACBF0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hyperlink" Target="https://www.iata.org/en/events/all/wcs/" TargetMode="External"/><Relationship Id="rId1" Type="http://schemas.openxmlformats.org/officeDocument/2006/relationships/slideLayout" Target="../slideLayouts/slideLayout18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3.xml"/><Relationship Id="rId2" Type="http://schemas.openxmlformats.org/officeDocument/2006/relationships/tags" Target="../tags/tag3.xml"/><Relationship Id="rId1" Type="http://schemas.openxmlformats.org/officeDocument/2006/relationships/tags" Target="../tags/tag2.xml"/><Relationship Id="rId5" Type="http://schemas.openxmlformats.org/officeDocument/2006/relationships/image" Target="../media/image4.png"/><Relationship Id="rId4" Type="http://schemas.openxmlformats.org/officeDocument/2006/relationships/image" Target="../media/image3.jpe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Picture 17">
            <a:extLst>
              <a:ext uri="{FF2B5EF4-FFF2-40B4-BE49-F238E27FC236}">
                <a16:creationId xmlns:a16="http://schemas.microsoft.com/office/drawing/2014/main" id="{F465D0EE-ED51-9E08-E055-22969AF2ADB3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37629" y="0"/>
            <a:ext cx="12196373" cy="685890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86352310"/>
      </p:ext>
    </p:extLst>
  </p:cSld>
  <p:clrMapOvr>
    <a:masterClrMapping/>
  </p:clrMapOvr>
  <p:transition>
    <p:fade/>
  </p:transition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ZoneTexte 4">
            <a:extLst>
              <a:ext uri="{FF2B5EF4-FFF2-40B4-BE49-F238E27FC236}">
                <a16:creationId xmlns:a16="http://schemas.microsoft.com/office/drawing/2014/main" id="{8C2F15C8-4893-5703-E7FC-E8C0F7FE8EDB}"/>
              </a:ext>
            </a:extLst>
          </p:cNvPr>
          <p:cNvSpPr txBox="1"/>
          <p:nvPr/>
        </p:nvSpPr>
        <p:spPr>
          <a:xfrm>
            <a:off x="381000" y="1384145"/>
            <a:ext cx="11214678" cy="1721690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n-ea"/>
                <a:cs typeface="Aktiv Grotesk XBold" panose="020B0804020202020204" pitchFamily="34" charset="-78"/>
              </a:rPr>
              <a:t>Customize your own banner </a:t>
            </a:r>
            <a:r>
              <a:rPr kumimoji="0" lang="en-US" sz="1600" b="1" i="0" u="none" strike="noStrike" kern="1200" cap="none" spc="0" normalizeH="0" baseline="0" noProof="0" dirty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to promote your participation at the WCS!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srgbClr val="3333FF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 XBold" panose="020B0804020202020204" pitchFamily="34" charset="-78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1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+mn-ea"/>
                <a:cs typeface="+mn-cs"/>
              </a:rPr>
              <a:t>In the next slide click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in the circle to insert your profile picture</a:t>
            </a:r>
            <a:endParaRPr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285750" marR="0" lvl="0" indent="-285750" algn="l" defTabSz="914400" rtl="0" eaLnBrk="1" fontAlgn="auto" latinLnBrk="0" hangingPunct="1">
              <a:lnSpc>
                <a:spcPct val="15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Char char="•"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2: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Enter a message of your choice in the box</a:t>
            </a:r>
            <a:endParaRPr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 marL="285750" indent="-285750">
              <a:lnSpc>
                <a:spcPct val="150000"/>
              </a:lnSpc>
              <a:buFont typeface="Arial" panose="020B0604020202020204" pitchFamily="34" charset="0"/>
              <a:buChar char="•"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 XBold" panose="020B0804020202020204" pitchFamily="34" charset="-78"/>
              </a:rPr>
              <a:t>STEP 3: </a:t>
            </a: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Select all the items on the slide (CTRL+A), click right and hit “Save as picture”</a:t>
            </a:r>
            <a:r>
              <a:rPr lang="en-US" sz="1400" dirty="0">
                <a:solidFill>
                  <a:prstClr val="black"/>
                </a:solidFill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 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Aktiv Grotesk"/>
              <a:ea typeface="Aktiv Grotesk" panose="020B0504020202020204" pitchFamily="34" charset="0"/>
              <a:cs typeface="Aktiv Grotesk" panose="020B0504020202020204" pitchFamily="34" charset="0"/>
            </a:endParaRPr>
          </a:p>
          <a:p>
            <a:pPr>
              <a:lnSpc>
                <a:spcPct val="150000"/>
              </a:lnSpc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Your banner is ready to use.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Make sure to include the link to the 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chemeClr val="accent1"/>
                </a:solidFill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  <a:hlinkClick r:id="rId2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WCS website</a:t>
            </a: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!</a:t>
            </a:r>
            <a:r>
              <a:rPr lang="en-US" sz="1400" b="1" dirty="0">
                <a:latin typeface="Aktiv Grotesk"/>
                <a:ea typeface="Aktiv Grotesk" panose="020B0504020202020204" pitchFamily="34" charset="0"/>
                <a:cs typeface="Aktiv Grotesk" panose="020B0504020202020204" pitchFamily="34" charset="0"/>
              </a:rPr>
              <a:t> 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effectLst/>
              <a:uLnTx/>
              <a:uFillTx/>
              <a:latin typeface="Aktiv Grotesk"/>
              <a:ea typeface="Aktiv Grotesk"/>
              <a:cs typeface="Aktiv Grotesk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81AC7058-B3A9-4B5B-2A01-07F0A404A047}"/>
              </a:ext>
            </a:extLst>
          </p:cNvPr>
          <p:cNvSpPr txBox="1">
            <a:spLocks/>
          </p:cNvSpPr>
          <p:nvPr/>
        </p:nvSpPr>
        <p:spPr>
          <a:xfrm>
            <a:off x="381000" y="365125"/>
            <a:ext cx="11429324" cy="609398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accent1"/>
                </a:solidFill>
                <a:latin typeface="+mn-lt"/>
                <a:ea typeface="+mj-ea"/>
                <a:cs typeface="+mj-cs"/>
              </a:defRPr>
            </a:lvl1pPr>
          </a:lstStyle>
          <a:p>
            <a:pPr marL="0" marR="0" lvl="0" indent="0" algn="l" defTabSz="914400" rtl="0" eaLnBrk="1" fontAlgn="auto" latinLnBrk="0" hangingPunct="1">
              <a:lnSpc>
                <a:spcPct val="9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4400" b="0" i="0" u="none" strike="noStrike" kern="1200" cap="none" spc="0" normalizeH="0" baseline="0" noProof="0">
                <a:ln>
                  <a:noFill/>
                </a:ln>
                <a:solidFill>
                  <a:srgbClr val="1E32FA"/>
                </a:solidFill>
                <a:effectLst/>
                <a:uLnTx/>
                <a:uFillTx/>
                <a:latin typeface="Aktiv Grotesk"/>
                <a:ea typeface="+mj-ea"/>
                <a:cs typeface="+mj-cs"/>
              </a:rPr>
              <a:t>Event Promotion</a:t>
            </a:r>
          </a:p>
        </p:txBody>
      </p:sp>
      <p:pic>
        <p:nvPicPr>
          <p:cNvPr id="9" name="Picture 8" descr="A group of people walking in a city&#10;&#10;AI-generated content may be incorrect.">
            <a:extLst>
              <a:ext uri="{FF2B5EF4-FFF2-40B4-BE49-F238E27FC236}">
                <a16:creationId xmlns:a16="http://schemas.microsoft.com/office/drawing/2014/main" id="{27B3FD87-C4F2-3FF0-6DCE-A75C0CAC5E1A}"/>
              </a:ext>
            </a:extLst>
          </p:cNvPr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57897" y="3312520"/>
            <a:ext cx="5015759" cy="2816244"/>
          </a:xfrm>
          <a:prstGeom prst="rect">
            <a:avLst/>
          </a:prstGeom>
        </p:spPr>
      </p:pic>
      <p:grpSp>
        <p:nvGrpSpPr>
          <p:cNvPr id="2" name="Group 1">
            <a:extLst>
              <a:ext uri="{FF2B5EF4-FFF2-40B4-BE49-F238E27FC236}">
                <a16:creationId xmlns:a16="http://schemas.microsoft.com/office/drawing/2014/main" id="{58440778-D1F9-C5CF-4360-2A6EA153CD5A}"/>
              </a:ext>
            </a:extLst>
          </p:cNvPr>
          <p:cNvGrpSpPr/>
          <p:nvPr/>
        </p:nvGrpSpPr>
        <p:grpSpPr>
          <a:xfrm>
            <a:off x="6332095" y="3894643"/>
            <a:ext cx="554777" cy="1165757"/>
            <a:chOff x="1306168" y="815353"/>
            <a:chExt cx="991737" cy="1979946"/>
          </a:xfrm>
        </p:grpSpPr>
        <p:sp>
          <p:nvSpPr>
            <p:cNvPr id="4" name="Freeform 5">
              <a:extLst>
                <a:ext uri="{FF2B5EF4-FFF2-40B4-BE49-F238E27FC236}">
                  <a16:creationId xmlns:a16="http://schemas.microsoft.com/office/drawing/2014/main" id="{82B62F02-B65D-EAB0-E44B-41F501E736CD}"/>
                </a:ext>
              </a:extLst>
            </p:cNvPr>
            <p:cNvSpPr>
              <a:spLocks noChangeAspect="1"/>
            </p:cNvSpPr>
            <p:nvPr/>
          </p:nvSpPr>
          <p:spPr bwMode="auto">
            <a:xfrm flipH="1">
              <a:off x="1307306" y="1808279"/>
              <a:ext cx="985838" cy="987020"/>
            </a:xfrm>
            <a:custGeom>
              <a:avLst/>
              <a:gdLst>
                <a:gd name="T0" fmla="*/ 0 w 3326"/>
                <a:gd name="T1" fmla="*/ 0 h 3330"/>
                <a:gd name="T2" fmla="*/ 0 w 3326"/>
                <a:gd name="T3" fmla="*/ 1665 h 3330"/>
                <a:gd name="T4" fmla="*/ 1109 w 3326"/>
                <a:gd name="T5" fmla="*/ 1665 h 3330"/>
                <a:gd name="T6" fmla="*/ 1109 w 3326"/>
                <a:gd name="T7" fmla="*/ 3330 h 3330"/>
                <a:gd name="T8" fmla="*/ 3326 w 3326"/>
                <a:gd name="T9" fmla="*/ 3330 h 3330"/>
                <a:gd name="T10" fmla="*/ 3326 w 3326"/>
                <a:gd name="T11" fmla="*/ 0 h 3330"/>
                <a:gd name="T12" fmla="*/ 0 w 3326"/>
                <a:gd name="T13" fmla="*/ 0 h 33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326" h="3330">
                  <a:moveTo>
                    <a:pt x="0" y="0"/>
                  </a:moveTo>
                  <a:lnTo>
                    <a:pt x="0" y="1665"/>
                  </a:lnTo>
                  <a:lnTo>
                    <a:pt x="1109" y="1665"/>
                  </a:lnTo>
                  <a:lnTo>
                    <a:pt x="1109" y="3330"/>
                  </a:lnTo>
                  <a:lnTo>
                    <a:pt x="3326" y="3330"/>
                  </a:lnTo>
                  <a:lnTo>
                    <a:pt x="3326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7" name="Oval 6">
              <a:extLst>
                <a:ext uri="{FF2B5EF4-FFF2-40B4-BE49-F238E27FC236}">
                  <a16:creationId xmlns:a16="http://schemas.microsoft.com/office/drawing/2014/main" id="{C28A67DB-580E-402C-3216-7C62A750DB72}"/>
                </a:ext>
              </a:extLst>
            </p:cNvPr>
            <p:cNvSpPr>
              <a:spLocks noChangeAspect="1" noChangeArrowheads="1"/>
            </p:cNvSpPr>
            <p:nvPr/>
          </p:nvSpPr>
          <p:spPr bwMode="auto">
            <a:xfrm>
              <a:off x="1306168" y="815353"/>
              <a:ext cx="991737" cy="992926"/>
            </a:xfrm>
            <a:prstGeom prst="ellipse">
              <a:avLst/>
            </a:prstGeom>
            <a:solidFill>
              <a:schemeClr val="accent3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8" name="Freeform: Shape 7">
              <a:extLst>
                <a:ext uri="{FF2B5EF4-FFF2-40B4-BE49-F238E27FC236}">
                  <a16:creationId xmlns:a16="http://schemas.microsoft.com/office/drawing/2014/main" id="{57DAD758-DB82-BC5C-B97B-83C36B38A71C}"/>
                </a:ext>
              </a:extLst>
            </p:cNvPr>
            <p:cNvSpPr>
              <a:spLocks noChangeAspect="1"/>
            </p:cNvSpPr>
            <p:nvPr/>
          </p:nvSpPr>
          <p:spPr bwMode="auto">
            <a:xfrm rot="16200000">
              <a:off x="1685021" y="1351310"/>
              <a:ext cx="230410" cy="460407"/>
            </a:xfrm>
            <a:custGeom>
              <a:avLst/>
              <a:gdLst>
                <a:gd name="connsiteX0" fmla="*/ 270676 w 270676"/>
                <a:gd name="connsiteY0" fmla="*/ 0 h 540866"/>
                <a:gd name="connsiteX1" fmla="*/ 270676 w 270676"/>
                <a:gd name="connsiteY1" fmla="*/ 270352 h 540866"/>
                <a:gd name="connsiteX2" fmla="*/ 270514 w 270676"/>
                <a:gd name="connsiteY2" fmla="*/ 270352 h 540866"/>
                <a:gd name="connsiteX3" fmla="*/ 270514 w 270676"/>
                <a:gd name="connsiteY3" fmla="*/ 274419 h 540866"/>
                <a:gd name="connsiteX4" fmla="*/ 270514 w 270676"/>
                <a:gd name="connsiteY4" fmla="*/ 540866 h 540866"/>
                <a:gd name="connsiteX5" fmla="*/ 5653 w 270676"/>
                <a:gd name="connsiteY5" fmla="*/ 324752 h 540866"/>
                <a:gd name="connsiteX6" fmla="*/ 178 w 270676"/>
                <a:gd name="connsiteY6" fmla="*/ 270352 h 540866"/>
                <a:gd name="connsiteX7" fmla="*/ 0 w 270676"/>
                <a:gd name="connsiteY7" fmla="*/ 270352 h 540866"/>
                <a:gd name="connsiteX8" fmla="*/ 270676 w 270676"/>
                <a:gd name="connsiteY8" fmla="*/ 0 h 540866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</a:cxnLst>
              <a:rect l="l" t="t" r="r" b="b"/>
              <a:pathLst>
                <a:path w="270676" h="540866">
                  <a:moveTo>
                    <a:pt x="270676" y="0"/>
                  </a:moveTo>
                  <a:lnTo>
                    <a:pt x="270676" y="270352"/>
                  </a:lnTo>
                  <a:lnTo>
                    <a:pt x="270514" y="270352"/>
                  </a:lnTo>
                  <a:lnTo>
                    <a:pt x="270514" y="274419"/>
                  </a:lnTo>
                  <a:cubicBezTo>
                    <a:pt x="270514" y="287107"/>
                    <a:pt x="270514" y="337859"/>
                    <a:pt x="270514" y="540866"/>
                  </a:cubicBezTo>
                  <a:cubicBezTo>
                    <a:pt x="139832" y="540866"/>
                    <a:pt x="30855" y="448114"/>
                    <a:pt x="5653" y="324752"/>
                  </a:cubicBezTo>
                  <a:lnTo>
                    <a:pt x="178" y="270352"/>
                  </a:lnTo>
                  <a:lnTo>
                    <a:pt x="0" y="270352"/>
                  </a:lnTo>
                  <a:cubicBezTo>
                    <a:pt x="0" y="121001"/>
                    <a:pt x="121146" y="0"/>
                    <a:pt x="270676" y="0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  <a:noAutofit/>
            </a:bodyPr>
            <a:lstStyle/>
            <a:p>
              <a:endParaRPr lang="en-GB"/>
            </a:p>
          </p:txBody>
        </p:sp>
      </p:grpSp>
    </p:spTree>
    <p:extLst>
      <p:ext uri="{BB962C8B-B14F-4D97-AF65-F5344CB8AC3E}">
        <p14:creationId xmlns:p14="http://schemas.microsoft.com/office/powerpoint/2010/main" val="3035780936"/>
      </p:ext>
    </p:extLst>
  </p:cSld>
  <p:clrMapOvr>
    <a:masterClrMapping/>
  </p:clrMapOvr>
  <p:transition>
    <p:fade/>
  </p:transition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>
            <a:extLst>
              <a:ext uri="{FF2B5EF4-FFF2-40B4-BE49-F238E27FC236}">
                <a16:creationId xmlns:a16="http://schemas.microsoft.com/office/drawing/2014/main" id="{FC76647C-B0EC-814A-FAF9-D4C3FC17E70C}"/>
              </a:ext>
            </a:extLst>
          </p:cNvPr>
          <p:cNvPicPr>
            <a:picLocks noChangeAspect="1"/>
          </p:cNvPicPr>
          <p:nvPr>
            <p:custDataLst>
              <p:tags r:id="rId1"/>
            </p:custDataLst>
          </p:nvPr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8" name="Gradient 3">
            <a:extLst>
              <a:ext uri="{FF2B5EF4-FFF2-40B4-BE49-F238E27FC236}">
                <a16:creationId xmlns:a16="http://schemas.microsoft.com/office/drawing/2014/main" id="{4196606E-169E-6690-0E1C-F34ECE029392}"/>
              </a:ext>
            </a:extLst>
          </p:cNvPr>
          <p:cNvSpPr>
            <a:spLocks/>
          </p:cNvSpPr>
          <p:nvPr/>
        </p:nvSpPr>
        <p:spPr>
          <a:xfrm>
            <a:off x="-1" y="0"/>
            <a:ext cx="12190591" cy="6858000"/>
          </a:xfrm>
          <a:prstGeom prst="rect">
            <a:avLst/>
          </a:prstGeom>
          <a:gradFill flip="none" rotWithShape="1">
            <a:gsLst>
              <a:gs pos="22000">
                <a:schemeClr val="tx1">
                  <a:alpha val="40000"/>
                </a:schemeClr>
              </a:gs>
              <a:gs pos="41000">
                <a:schemeClr val="tx1">
                  <a:alpha val="0"/>
                </a:schemeClr>
              </a:gs>
            </a:gsLst>
            <a:lin ang="27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9" name="Gradient 2">
            <a:extLst>
              <a:ext uri="{FF2B5EF4-FFF2-40B4-BE49-F238E27FC236}">
                <a16:creationId xmlns:a16="http://schemas.microsoft.com/office/drawing/2014/main" id="{E28A85AC-7368-3C1B-B463-7638EA9FE35A}"/>
              </a:ext>
            </a:extLst>
          </p:cNvPr>
          <p:cNvSpPr>
            <a:spLocks/>
          </p:cNvSpPr>
          <p:nvPr/>
        </p:nvSpPr>
        <p:spPr>
          <a:xfrm>
            <a:off x="-1409" y="0"/>
            <a:ext cx="12192000" cy="6858000"/>
          </a:xfrm>
          <a:prstGeom prst="rect">
            <a:avLst/>
          </a:prstGeom>
          <a:gradFill flip="none" rotWithShape="1">
            <a:gsLst>
              <a:gs pos="11000">
                <a:schemeClr val="tx1">
                  <a:alpha val="30000"/>
                </a:schemeClr>
              </a:gs>
              <a:gs pos="44000">
                <a:schemeClr val="tx1">
                  <a:alpha val="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10" name="Gradient 1">
            <a:extLst>
              <a:ext uri="{FF2B5EF4-FFF2-40B4-BE49-F238E27FC236}">
                <a16:creationId xmlns:a16="http://schemas.microsoft.com/office/drawing/2014/main" id="{26D56151-12C9-2F75-B0A2-C2AC91AFB154}"/>
              </a:ext>
            </a:extLst>
          </p:cNvPr>
          <p:cNvSpPr>
            <a:spLocks/>
          </p:cNvSpPr>
          <p:nvPr/>
        </p:nvSpPr>
        <p:spPr>
          <a:xfrm>
            <a:off x="-1" y="0"/>
            <a:ext cx="12192001" cy="6858000"/>
          </a:xfrm>
          <a:prstGeom prst="rect">
            <a:avLst/>
          </a:prstGeom>
          <a:gradFill flip="none" rotWithShape="1">
            <a:gsLst>
              <a:gs pos="18000">
                <a:schemeClr val="tx1">
                  <a:alpha val="30000"/>
                </a:schemeClr>
              </a:gs>
              <a:gs pos="56000">
                <a:schemeClr val="tx1">
                  <a:alpha val="0"/>
                </a:schemeClr>
              </a:gs>
            </a:gsLst>
            <a:lin ang="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6144"/>
          </a:p>
        </p:txBody>
      </p:sp>
      <p:sp>
        <p:nvSpPr>
          <p:cNvPr id="7" name="Rectangle">
            <a:extLst>
              <a:ext uri="{FF2B5EF4-FFF2-40B4-BE49-F238E27FC236}">
                <a16:creationId xmlns:a16="http://schemas.microsoft.com/office/drawing/2014/main" id="{22BEFDDE-4F75-E4C1-D461-F2DC7262A728}"/>
              </a:ext>
            </a:extLst>
          </p:cNvPr>
          <p:cNvSpPr>
            <a:spLocks/>
          </p:cNvSpPr>
          <p:nvPr/>
        </p:nvSpPr>
        <p:spPr>
          <a:xfrm>
            <a:off x="-17822" y="4130301"/>
            <a:ext cx="5126851" cy="1638300"/>
          </a:xfrm>
          <a:custGeom>
            <a:avLst/>
            <a:gdLst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27305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8" fmla="*/ 0 w 6019800"/>
              <a:gd name="connsiteY8" fmla="*/ 273055 h 1638300"/>
              <a:gd name="connsiteX0" fmla="*/ 0 w 6019800"/>
              <a:gd name="connsiteY0" fmla="*/ 1365245 h 1638300"/>
              <a:gd name="connsiteX1" fmla="*/ 273055 w 6019800"/>
              <a:gd name="connsiteY1" fmla="*/ 0 h 1638300"/>
              <a:gd name="connsiteX2" fmla="*/ 5746745 w 6019800"/>
              <a:gd name="connsiteY2" fmla="*/ 0 h 1638300"/>
              <a:gd name="connsiteX3" fmla="*/ 6019800 w 6019800"/>
              <a:gd name="connsiteY3" fmla="*/ 273055 h 1638300"/>
              <a:gd name="connsiteX4" fmla="*/ 6019800 w 6019800"/>
              <a:gd name="connsiteY4" fmla="*/ 1365245 h 1638300"/>
              <a:gd name="connsiteX5" fmla="*/ 5746745 w 6019800"/>
              <a:gd name="connsiteY5" fmla="*/ 1638300 h 1638300"/>
              <a:gd name="connsiteX6" fmla="*/ 273055 w 6019800"/>
              <a:gd name="connsiteY6" fmla="*/ 1638300 h 1638300"/>
              <a:gd name="connsiteX7" fmla="*/ 0 w 6019800"/>
              <a:gd name="connsiteY7" fmla="*/ 1365245 h 1638300"/>
              <a:gd name="connsiteX0" fmla="*/ 684211 w 6430956"/>
              <a:gd name="connsiteY0" fmla="*/ 1638300 h 1638300"/>
              <a:gd name="connsiteX1" fmla="*/ 684211 w 6430956"/>
              <a:gd name="connsiteY1" fmla="*/ 0 h 1638300"/>
              <a:gd name="connsiteX2" fmla="*/ 6157901 w 6430956"/>
              <a:gd name="connsiteY2" fmla="*/ 0 h 1638300"/>
              <a:gd name="connsiteX3" fmla="*/ 6430956 w 6430956"/>
              <a:gd name="connsiteY3" fmla="*/ 273055 h 1638300"/>
              <a:gd name="connsiteX4" fmla="*/ 6430956 w 6430956"/>
              <a:gd name="connsiteY4" fmla="*/ 1365245 h 1638300"/>
              <a:gd name="connsiteX5" fmla="*/ 6157901 w 6430956"/>
              <a:gd name="connsiteY5" fmla="*/ 1638300 h 1638300"/>
              <a:gd name="connsiteX6" fmla="*/ 684211 w 6430956"/>
              <a:gd name="connsiteY6" fmla="*/ 1638300 h 1638300"/>
              <a:gd name="connsiteX0" fmla="*/ 405694 w 6152439"/>
              <a:gd name="connsiteY0" fmla="*/ 1638300 h 1638300"/>
              <a:gd name="connsiteX1" fmla="*/ 405694 w 6152439"/>
              <a:gd name="connsiteY1" fmla="*/ 0 h 1638300"/>
              <a:gd name="connsiteX2" fmla="*/ 5879384 w 6152439"/>
              <a:gd name="connsiteY2" fmla="*/ 0 h 1638300"/>
              <a:gd name="connsiteX3" fmla="*/ 6152439 w 6152439"/>
              <a:gd name="connsiteY3" fmla="*/ 273055 h 1638300"/>
              <a:gd name="connsiteX4" fmla="*/ 6152439 w 6152439"/>
              <a:gd name="connsiteY4" fmla="*/ 1365245 h 1638300"/>
              <a:gd name="connsiteX5" fmla="*/ 5879384 w 6152439"/>
              <a:gd name="connsiteY5" fmla="*/ 1638300 h 1638300"/>
              <a:gd name="connsiteX6" fmla="*/ 405694 w 6152439"/>
              <a:gd name="connsiteY6" fmla="*/ 1638300 h 1638300"/>
              <a:gd name="connsiteX0" fmla="*/ 4947 w 5751692"/>
              <a:gd name="connsiteY0" fmla="*/ 1638300 h 1638300"/>
              <a:gd name="connsiteX1" fmla="*/ 4947 w 5751692"/>
              <a:gd name="connsiteY1" fmla="*/ 0 h 1638300"/>
              <a:gd name="connsiteX2" fmla="*/ 5478637 w 5751692"/>
              <a:gd name="connsiteY2" fmla="*/ 0 h 1638300"/>
              <a:gd name="connsiteX3" fmla="*/ 5751692 w 5751692"/>
              <a:gd name="connsiteY3" fmla="*/ 273055 h 1638300"/>
              <a:gd name="connsiteX4" fmla="*/ 5751692 w 5751692"/>
              <a:gd name="connsiteY4" fmla="*/ 1365245 h 1638300"/>
              <a:gd name="connsiteX5" fmla="*/ 5478637 w 5751692"/>
              <a:gd name="connsiteY5" fmla="*/ 1638300 h 1638300"/>
              <a:gd name="connsiteX6" fmla="*/ 4947 w 5751692"/>
              <a:gd name="connsiteY6" fmla="*/ 1638300 h 16383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751692" h="1638300">
                <a:moveTo>
                  <a:pt x="4947" y="1638300"/>
                </a:moveTo>
                <a:cubicBezTo>
                  <a:pt x="3890" y="800100"/>
                  <a:pt x="-5635" y="1181100"/>
                  <a:pt x="4947" y="0"/>
                </a:cubicBezTo>
                <a:lnTo>
                  <a:pt x="5478637" y="0"/>
                </a:lnTo>
                <a:cubicBezTo>
                  <a:pt x="5629441" y="0"/>
                  <a:pt x="5751692" y="122251"/>
                  <a:pt x="5751692" y="273055"/>
                </a:cubicBezTo>
                <a:lnTo>
                  <a:pt x="5751692" y="1365245"/>
                </a:lnTo>
                <a:cubicBezTo>
                  <a:pt x="5751692" y="1516049"/>
                  <a:pt x="5629441" y="1638300"/>
                  <a:pt x="5478637" y="1638300"/>
                </a:cubicBezTo>
                <a:lnTo>
                  <a:pt x="4947" y="1638300"/>
                </a:lnTo>
                <a:close/>
              </a:path>
            </a:pathLst>
          </a:custGeom>
          <a:solidFill>
            <a:srgbClr val="FAC833"/>
          </a:solidFill>
          <a:ln>
            <a:solidFill>
              <a:srgbClr val="FAC833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5" name="Text">
            <a:extLst>
              <a:ext uri="{FF2B5EF4-FFF2-40B4-BE49-F238E27FC236}">
                <a16:creationId xmlns:a16="http://schemas.microsoft.com/office/drawing/2014/main" id="{3805FF7A-3484-1EDE-7EE4-BBE196BA4DB2}"/>
              </a:ext>
            </a:extLst>
          </p:cNvPr>
          <p:cNvSpPr txBox="1"/>
          <p:nvPr/>
        </p:nvSpPr>
        <p:spPr>
          <a:xfrm>
            <a:off x="244405" y="4349287"/>
            <a:ext cx="4602397" cy="1200329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r-FR" sz="1800" b="1" dirty="0">
                <a:latin typeface="Aktiv Grotesk" panose="020B0504020202020204"/>
              </a:rPr>
              <a:t>Type your message here </a:t>
            </a:r>
            <a:r>
              <a:rPr lang="fr-FR" sz="1800" dirty="0">
                <a:latin typeface="Aktiv Grotesk" panose="020B0504020202020204"/>
              </a:rPr>
              <a:t>…</a:t>
            </a:r>
            <a:br>
              <a:rPr lang="fr-FR" sz="1800" dirty="0">
                <a:latin typeface="Aktiv Grotesk" panose="020B0504020202020204"/>
              </a:rPr>
            </a:br>
            <a:r>
              <a:rPr lang="fr-FR" sz="1800" dirty="0">
                <a:latin typeface="Aktiv Grotesk" panose="020B0504020202020204"/>
              </a:rPr>
              <a:t>You can add your name, your session or any other wording you wish. Reduce font size as needed.</a:t>
            </a:r>
          </a:p>
        </p:txBody>
      </p:sp>
      <p:sp>
        <p:nvSpPr>
          <p:cNvPr id="18" name="Picture Placeholder">
            <a:extLst>
              <a:ext uri="{FF2B5EF4-FFF2-40B4-BE49-F238E27FC236}">
                <a16:creationId xmlns:a16="http://schemas.microsoft.com/office/drawing/2014/main" id="{B1601A08-41E0-6E3A-8352-1CDE1E167D9A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696926" y="405315"/>
            <a:ext cx="4673599" cy="4679202"/>
          </a:xfrm>
          <a:ln>
            <a:noFill/>
          </a:ln>
        </p:spPr>
        <p:txBody>
          <a:bodyPr/>
          <a:lstStyle/>
          <a:p>
            <a:endParaRPr lang="en-US"/>
          </a:p>
        </p:txBody>
      </p:sp>
      <p:pic>
        <p:nvPicPr>
          <p:cNvPr id="13" name="Picture 12">
            <a:extLst>
              <a:ext uri="{FF2B5EF4-FFF2-40B4-BE49-F238E27FC236}">
                <a16:creationId xmlns:a16="http://schemas.microsoft.com/office/drawing/2014/main" id="{176CC98A-6E11-5AF9-5239-963BC985FF30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81000" y="370194"/>
            <a:ext cx="2917838" cy="2350750"/>
          </a:xfrm>
          <a:prstGeom prst="rect">
            <a:avLst/>
          </a:prstGeom>
        </p:spPr>
      </p:pic>
      <p:sp>
        <p:nvSpPr>
          <p:cNvPr id="4" name="Freeform 5">
            <a:extLst>
              <a:ext uri="{FF2B5EF4-FFF2-40B4-BE49-F238E27FC236}">
                <a16:creationId xmlns:a16="http://schemas.microsoft.com/office/drawing/2014/main" id="{79581622-2AD9-2E7E-0201-ABEF801CDD60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335856" y="5609913"/>
            <a:ext cx="1253427" cy="784946"/>
          </a:xfrm>
          <a:custGeom>
            <a:avLst/>
            <a:gdLst>
              <a:gd name="T0" fmla="*/ 971 w 1920"/>
              <a:gd name="T1" fmla="*/ 446 h 1200"/>
              <a:gd name="T2" fmla="*/ 860 w 1920"/>
              <a:gd name="T3" fmla="*/ 461 h 1200"/>
              <a:gd name="T4" fmla="*/ 971 w 1920"/>
              <a:gd name="T5" fmla="*/ 12 h 1200"/>
              <a:gd name="T6" fmla="*/ 971 w 1920"/>
              <a:gd name="T7" fmla="*/ 12 h 1200"/>
              <a:gd name="T8" fmla="*/ 950 w 1920"/>
              <a:gd name="T9" fmla="*/ 137 h 1200"/>
              <a:gd name="T10" fmla="*/ 971 w 1920"/>
              <a:gd name="T11" fmla="*/ 301 h 1200"/>
              <a:gd name="T12" fmla="*/ 971 w 1920"/>
              <a:gd name="T13" fmla="*/ 424 h 1200"/>
              <a:gd name="T14" fmla="*/ 1092 w 1920"/>
              <a:gd name="T15" fmla="*/ 451 h 1200"/>
              <a:gd name="T16" fmla="*/ 1154 w 1920"/>
              <a:gd name="T17" fmla="*/ 514 h 1200"/>
              <a:gd name="T18" fmla="*/ 1154 w 1920"/>
              <a:gd name="T19" fmla="*/ 514 h 1200"/>
              <a:gd name="T20" fmla="*/ 816 w 1920"/>
              <a:gd name="T21" fmla="*/ 301 h 1200"/>
              <a:gd name="T22" fmla="*/ 660 w 1920"/>
              <a:gd name="T23" fmla="*/ 301 h 1200"/>
              <a:gd name="T24" fmla="*/ 749 w 1920"/>
              <a:gd name="T25" fmla="*/ 500 h 1200"/>
              <a:gd name="T26" fmla="*/ 839 w 1920"/>
              <a:gd name="T27" fmla="*/ 470 h 1200"/>
              <a:gd name="T28" fmla="*/ 971 w 1920"/>
              <a:gd name="T29" fmla="*/ 158 h 1200"/>
              <a:gd name="T30" fmla="*/ 1071 w 1920"/>
              <a:gd name="T31" fmla="*/ 139 h 1200"/>
              <a:gd name="T32" fmla="*/ 1127 w 1920"/>
              <a:gd name="T33" fmla="*/ 280 h 1200"/>
              <a:gd name="T34" fmla="*/ 1260 w 1920"/>
              <a:gd name="T35" fmla="*/ 280 h 1200"/>
              <a:gd name="T36" fmla="*/ 990 w 1920"/>
              <a:gd name="T37" fmla="*/ 0 h 1200"/>
              <a:gd name="T38" fmla="*/ 950 w 1920"/>
              <a:gd name="T39" fmla="*/ 280 h 1200"/>
              <a:gd name="T40" fmla="*/ 950 w 1920"/>
              <a:gd name="T41" fmla="*/ 158 h 1200"/>
              <a:gd name="T42" fmla="*/ 829 w 1920"/>
              <a:gd name="T43" fmla="*/ 131 h 1200"/>
              <a:gd name="T44" fmla="*/ 765 w 1920"/>
              <a:gd name="T45" fmla="*/ 67 h 1200"/>
              <a:gd name="T46" fmla="*/ 765 w 1920"/>
              <a:gd name="T47" fmla="*/ 67 h 1200"/>
              <a:gd name="T48" fmla="*/ 849 w 1920"/>
              <a:gd name="T49" fmla="*/ 646 h 1200"/>
              <a:gd name="T50" fmla="*/ 282 w 1920"/>
              <a:gd name="T51" fmla="*/ 671 h 1200"/>
              <a:gd name="T52" fmla="*/ 289 w 1920"/>
              <a:gd name="T53" fmla="*/ 650 h 1200"/>
              <a:gd name="T54" fmla="*/ 565 w 1920"/>
              <a:gd name="T55" fmla="*/ 556 h 1200"/>
              <a:gd name="T56" fmla="*/ 515 w 1920"/>
              <a:gd name="T57" fmla="*/ 483 h 1200"/>
              <a:gd name="T58" fmla="*/ 0 w 1920"/>
              <a:gd name="T59" fmla="*/ 388 h 1200"/>
              <a:gd name="T60" fmla="*/ 1071 w 1920"/>
              <a:gd name="T61" fmla="*/ 646 h 1200"/>
              <a:gd name="T62" fmla="*/ 1638 w 1920"/>
              <a:gd name="T63" fmla="*/ 671 h 1200"/>
              <a:gd name="T64" fmla="*/ 1631 w 1920"/>
              <a:gd name="T65" fmla="*/ 650 h 1200"/>
              <a:gd name="T66" fmla="*/ 1355 w 1920"/>
              <a:gd name="T67" fmla="*/ 556 h 1200"/>
              <a:gd name="T68" fmla="*/ 1405 w 1920"/>
              <a:gd name="T69" fmla="*/ 483 h 1200"/>
              <a:gd name="T70" fmla="*/ 1920 w 1920"/>
              <a:gd name="T71" fmla="*/ 388 h 1200"/>
              <a:gd name="T72" fmla="*/ 1563 w 1920"/>
              <a:gd name="T73" fmla="*/ 819 h 1200"/>
              <a:gd name="T74" fmla="*/ 1518 w 1920"/>
              <a:gd name="T75" fmla="*/ 1155 h 1200"/>
              <a:gd name="T76" fmla="*/ 1245 w 1920"/>
              <a:gd name="T77" fmla="*/ 1200 h 1200"/>
              <a:gd name="T78" fmla="*/ 1483 w 1920"/>
              <a:gd name="T79" fmla="*/ 936 h 1200"/>
              <a:gd name="T80" fmla="*/ 1038 w 1920"/>
              <a:gd name="T81" fmla="*/ 914 h 1200"/>
              <a:gd name="T82" fmla="*/ 1289 w 1920"/>
              <a:gd name="T83" fmla="*/ 817 h 1200"/>
              <a:gd name="T84" fmla="*/ 1120 w 1920"/>
              <a:gd name="T85" fmla="*/ 1200 h 1200"/>
              <a:gd name="T86" fmla="*/ 672 w 1920"/>
              <a:gd name="T87" fmla="*/ 819 h 1200"/>
              <a:gd name="T88" fmla="*/ 759 w 1920"/>
              <a:gd name="T89" fmla="*/ 1200 h 1200"/>
              <a:gd name="T90" fmla="*/ 606 w 1920"/>
              <a:gd name="T91" fmla="*/ 1200 h 1200"/>
              <a:gd name="T92" fmla="*/ 739 w 1920"/>
              <a:gd name="T93" fmla="*/ 1075 h 1200"/>
              <a:gd name="T94" fmla="*/ 273 w 1920"/>
              <a:gd name="T95" fmla="*/ 1200 h 1200"/>
              <a:gd name="T96" fmla="*/ 401 w 1920"/>
              <a:gd name="T97" fmla="*/ 1200 h 120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1920" h="1200">
                <a:moveTo>
                  <a:pt x="971" y="571"/>
                </a:moveTo>
                <a:cubicBezTo>
                  <a:pt x="1007" y="542"/>
                  <a:pt x="1039" y="503"/>
                  <a:pt x="1060" y="461"/>
                </a:cubicBezTo>
                <a:cubicBezTo>
                  <a:pt x="1032" y="452"/>
                  <a:pt x="1001" y="446"/>
                  <a:pt x="971" y="446"/>
                </a:cubicBezTo>
                <a:lnTo>
                  <a:pt x="971" y="571"/>
                </a:lnTo>
                <a:close/>
                <a:moveTo>
                  <a:pt x="950" y="569"/>
                </a:moveTo>
                <a:cubicBezTo>
                  <a:pt x="913" y="542"/>
                  <a:pt x="881" y="503"/>
                  <a:pt x="860" y="461"/>
                </a:cubicBezTo>
                <a:cubicBezTo>
                  <a:pt x="888" y="451"/>
                  <a:pt x="919" y="446"/>
                  <a:pt x="950" y="446"/>
                </a:cubicBezTo>
                <a:lnTo>
                  <a:pt x="950" y="569"/>
                </a:lnTo>
                <a:close/>
                <a:moveTo>
                  <a:pt x="971" y="12"/>
                </a:moveTo>
                <a:cubicBezTo>
                  <a:pt x="1007" y="41"/>
                  <a:pt x="1039" y="79"/>
                  <a:pt x="1060" y="120"/>
                </a:cubicBezTo>
                <a:cubicBezTo>
                  <a:pt x="1032" y="130"/>
                  <a:pt x="1001" y="137"/>
                  <a:pt x="971" y="137"/>
                </a:cubicBezTo>
                <a:lnTo>
                  <a:pt x="971" y="12"/>
                </a:lnTo>
                <a:close/>
                <a:moveTo>
                  <a:pt x="950" y="12"/>
                </a:moveTo>
                <a:cubicBezTo>
                  <a:pt x="913" y="41"/>
                  <a:pt x="881" y="80"/>
                  <a:pt x="860" y="120"/>
                </a:cubicBezTo>
                <a:cubicBezTo>
                  <a:pt x="888" y="129"/>
                  <a:pt x="919" y="137"/>
                  <a:pt x="950" y="137"/>
                </a:cubicBezTo>
                <a:lnTo>
                  <a:pt x="950" y="12"/>
                </a:lnTo>
                <a:close/>
                <a:moveTo>
                  <a:pt x="971" y="424"/>
                </a:moveTo>
                <a:cubicBezTo>
                  <a:pt x="971" y="301"/>
                  <a:pt x="971" y="301"/>
                  <a:pt x="971" y="301"/>
                </a:cubicBezTo>
                <a:cubicBezTo>
                  <a:pt x="1104" y="301"/>
                  <a:pt x="1104" y="301"/>
                  <a:pt x="1104" y="301"/>
                </a:cubicBezTo>
                <a:cubicBezTo>
                  <a:pt x="1104" y="350"/>
                  <a:pt x="1092" y="398"/>
                  <a:pt x="1071" y="443"/>
                </a:cubicBezTo>
                <a:cubicBezTo>
                  <a:pt x="1040" y="432"/>
                  <a:pt x="1004" y="424"/>
                  <a:pt x="971" y="424"/>
                </a:cubicBezTo>
                <a:moveTo>
                  <a:pt x="1260" y="301"/>
                </a:moveTo>
                <a:cubicBezTo>
                  <a:pt x="1127" y="301"/>
                  <a:pt x="1127" y="301"/>
                  <a:pt x="1127" y="301"/>
                </a:cubicBezTo>
                <a:cubicBezTo>
                  <a:pt x="1125" y="355"/>
                  <a:pt x="1114" y="403"/>
                  <a:pt x="1092" y="451"/>
                </a:cubicBezTo>
                <a:cubicBezTo>
                  <a:pt x="1120" y="464"/>
                  <a:pt x="1146" y="480"/>
                  <a:pt x="1171" y="500"/>
                </a:cubicBezTo>
                <a:cubicBezTo>
                  <a:pt x="1225" y="447"/>
                  <a:pt x="1257" y="375"/>
                  <a:pt x="1260" y="301"/>
                </a:cubicBezTo>
                <a:moveTo>
                  <a:pt x="1154" y="514"/>
                </a:moveTo>
                <a:cubicBezTo>
                  <a:pt x="1133" y="496"/>
                  <a:pt x="1107" y="480"/>
                  <a:pt x="1081" y="470"/>
                </a:cubicBezTo>
                <a:cubicBezTo>
                  <a:pt x="1057" y="513"/>
                  <a:pt x="1028" y="549"/>
                  <a:pt x="990" y="582"/>
                </a:cubicBezTo>
                <a:cubicBezTo>
                  <a:pt x="1051" y="574"/>
                  <a:pt x="1107" y="552"/>
                  <a:pt x="1154" y="514"/>
                </a:cubicBezTo>
                <a:moveTo>
                  <a:pt x="950" y="424"/>
                </a:moveTo>
                <a:cubicBezTo>
                  <a:pt x="950" y="301"/>
                  <a:pt x="950" y="301"/>
                  <a:pt x="950" y="301"/>
                </a:cubicBezTo>
                <a:cubicBezTo>
                  <a:pt x="816" y="301"/>
                  <a:pt x="816" y="301"/>
                  <a:pt x="816" y="301"/>
                </a:cubicBezTo>
                <a:cubicBezTo>
                  <a:pt x="817" y="350"/>
                  <a:pt x="828" y="399"/>
                  <a:pt x="849" y="443"/>
                </a:cubicBezTo>
                <a:cubicBezTo>
                  <a:pt x="881" y="432"/>
                  <a:pt x="915" y="424"/>
                  <a:pt x="950" y="424"/>
                </a:cubicBezTo>
                <a:moveTo>
                  <a:pt x="660" y="301"/>
                </a:moveTo>
                <a:cubicBezTo>
                  <a:pt x="793" y="301"/>
                  <a:pt x="793" y="301"/>
                  <a:pt x="793" y="301"/>
                </a:cubicBezTo>
                <a:cubicBezTo>
                  <a:pt x="796" y="355"/>
                  <a:pt x="808" y="402"/>
                  <a:pt x="829" y="451"/>
                </a:cubicBezTo>
                <a:cubicBezTo>
                  <a:pt x="800" y="464"/>
                  <a:pt x="774" y="480"/>
                  <a:pt x="749" y="500"/>
                </a:cubicBezTo>
                <a:cubicBezTo>
                  <a:pt x="695" y="447"/>
                  <a:pt x="664" y="377"/>
                  <a:pt x="660" y="301"/>
                </a:cubicBezTo>
                <a:moveTo>
                  <a:pt x="765" y="514"/>
                </a:moveTo>
                <a:cubicBezTo>
                  <a:pt x="788" y="497"/>
                  <a:pt x="813" y="479"/>
                  <a:pt x="839" y="470"/>
                </a:cubicBezTo>
                <a:cubicBezTo>
                  <a:pt x="863" y="513"/>
                  <a:pt x="892" y="549"/>
                  <a:pt x="930" y="582"/>
                </a:cubicBezTo>
                <a:cubicBezTo>
                  <a:pt x="869" y="574"/>
                  <a:pt x="812" y="552"/>
                  <a:pt x="765" y="514"/>
                </a:cubicBezTo>
                <a:moveTo>
                  <a:pt x="971" y="158"/>
                </a:moveTo>
                <a:cubicBezTo>
                  <a:pt x="971" y="280"/>
                  <a:pt x="971" y="280"/>
                  <a:pt x="971" y="280"/>
                </a:cubicBezTo>
                <a:cubicBezTo>
                  <a:pt x="1104" y="280"/>
                  <a:pt x="1104" y="280"/>
                  <a:pt x="1104" y="280"/>
                </a:cubicBezTo>
                <a:cubicBezTo>
                  <a:pt x="1104" y="231"/>
                  <a:pt x="1092" y="184"/>
                  <a:pt x="1071" y="139"/>
                </a:cubicBezTo>
                <a:cubicBezTo>
                  <a:pt x="1039" y="150"/>
                  <a:pt x="1005" y="157"/>
                  <a:pt x="971" y="158"/>
                </a:cubicBezTo>
                <a:moveTo>
                  <a:pt x="1260" y="280"/>
                </a:moveTo>
                <a:cubicBezTo>
                  <a:pt x="1127" y="280"/>
                  <a:pt x="1127" y="280"/>
                  <a:pt x="1127" y="280"/>
                </a:cubicBezTo>
                <a:cubicBezTo>
                  <a:pt x="1125" y="227"/>
                  <a:pt x="1113" y="178"/>
                  <a:pt x="1092" y="131"/>
                </a:cubicBezTo>
                <a:cubicBezTo>
                  <a:pt x="1120" y="118"/>
                  <a:pt x="1147" y="102"/>
                  <a:pt x="1171" y="82"/>
                </a:cubicBezTo>
                <a:cubicBezTo>
                  <a:pt x="1228" y="138"/>
                  <a:pt x="1257" y="207"/>
                  <a:pt x="1260" y="280"/>
                </a:cubicBezTo>
                <a:moveTo>
                  <a:pt x="1154" y="67"/>
                </a:moveTo>
                <a:cubicBezTo>
                  <a:pt x="1133" y="86"/>
                  <a:pt x="1107" y="103"/>
                  <a:pt x="1081" y="113"/>
                </a:cubicBezTo>
                <a:cubicBezTo>
                  <a:pt x="1057" y="68"/>
                  <a:pt x="1028" y="33"/>
                  <a:pt x="990" y="0"/>
                </a:cubicBezTo>
                <a:cubicBezTo>
                  <a:pt x="1051" y="7"/>
                  <a:pt x="1107" y="30"/>
                  <a:pt x="1154" y="67"/>
                </a:cubicBezTo>
                <a:moveTo>
                  <a:pt x="950" y="158"/>
                </a:moveTo>
                <a:cubicBezTo>
                  <a:pt x="950" y="280"/>
                  <a:pt x="950" y="280"/>
                  <a:pt x="950" y="280"/>
                </a:cubicBezTo>
                <a:cubicBezTo>
                  <a:pt x="816" y="280"/>
                  <a:pt x="816" y="280"/>
                  <a:pt x="816" y="280"/>
                </a:cubicBezTo>
                <a:cubicBezTo>
                  <a:pt x="817" y="232"/>
                  <a:pt x="828" y="183"/>
                  <a:pt x="849" y="139"/>
                </a:cubicBezTo>
                <a:cubicBezTo>
                  <a:pt x="881" y="150"/>
                  <a:pt x="915" y="157"/>
                  <a:pt x="950" y="158"/>
                </a:cubicBezTo>
                <a:moveTo>
                  <a:pt x="660" y="280"/>
                </a:moveTo>
                <a:cubicBezTo>
                  <a:pt x="793" y="280"/>
                  <a:pt x="793" y="280"/>
                  <a:pt x="793" y="280"/>
                </a:cubicBezTo>
                <a:cubicBezTo>
                  <a:pt x="796" y="227"/>
                  <a:pt x="808" y="179"/>
                  <a:pt x="829" y="131"/>
                </a:cubicBezTo>
                <a:cubicBezTo>
                  <a:pt x="800" y="118"/>
                  <a:pt x="774" y="103"/>
                  <a:pt x="749" y="82"/>
                </a:cubicBezTo>
                <a:cubicBezTo>
                  <a:pt x="694" y="136"/>
                  <a:pt x="664" y="205"/>
                  <a:pt x="660" y="280"/>
                </a:cubicBezTo>
                <a:moveTo>
                  <a:pt x="765" y="67"/>
                </a:moveTo>
                <a:cubicBezTo>
                  <a:pt x="788" y="86"/>
                  <a:pt x="812" y="103"/>
                  <a:pt x="839" y="113"/>
                </a:cubicBezTo>
                <a:cubicBezTo>
                  <a:pt x="862" y="69"/>
                  <a:pt x="893" y="32"/>
                  <a:pt x="930" y="0"/>
                </a:cubicBezTo>
                <a:cubicBezTo>
                  <a:pt x="869" y="7"/>
                  <a:pt x="813" y="30"/>
                  <a:pt x="765" y="67"/>
                </a:cubicBezTo>
                <a:moveTo>
                  <a:pt x="0" y="388"/>
                </a:moveTo>
                <a:cubicBezTo>
                  <a:pt x="600" y="388"/>
                  <a:pt x="600" y="388"/>
                  <a:pt x="600" y="388"/>
                </a:cubicBezTo>
                <a:cubicBezTo>
                  <a:pt x="622" y="495"/>
                  <a:pt x="698" y="584"/>
                  <a:pt x="849" y="646"/>
                </a:cubicBezTo>
                <a:cubicBezTo>
                  <a:pt x="832" y="697"/>
                  <a:pt x="773" y="744"/>
                  <a:pt x="712" y="744"/>
                </a:cubicBezTo>
                <a:cubicBezTo>
                  <a:pt x="387" y="744"/>
                  <a:pt x="387" y="744"/>
                  <a:pt x="387" y="744"/>
                </a:cubicBezTo>
                <a:cubicBezTo>
                  <a:pt x="337" y="744"/>
                  <a:pt x="298" y="703"/>
                  <a:pt x="282" y="671"/>
                </a:cubicBezTo>
                <a:cubicBezTo>
                  <a:pt x="613" y="671"/>
                  <a:pt x="613" y="671"/>
                  <a:pt x="613" y="671"/>
                </a:cubicBezTo>
                <a:cubicBezTo>
                  <a:pt x="633" y="668"/>
                  <a:pt x="634" y="652"/>
                  <a:pt x="614" y="650"/>
                </a:cubicBezTo>
                <a:cubicBezTo>
                  <a:pt x="289" y="650"/>
                  <a:pt x="289" y="650"/>
                  <a:pt x="289" y="650"/>
                </a:cubicBezTo>
                <a:cubicBezTo>
                  <a:pt x="247" y="650"/>
                  <a:pt x="209" y="615"/>
                  <a:pt x="187" y="577"/>
                </a:cubicBezTo>
                <a:cubicBezTo>
                  <a:pt x="565" y="577"/>
                  <a:pt x="565" y="577"/>
                  <a:pt x="565" y="577"/>
                </a:cubicBezTo>
                <a:cubicBezTo>
                  <a:pt x="584" y="574"/>
                  <a:pt x="584" y="558"/>
                  <a:pt x="565" y="556"/>
                </a:cubicBezTo>
                <a:cubicBezTo>
                  <a:pt x="184" y="556"/>
                  <a:pt x="184" y="556"/>
                  <a:pt x="184" y="556"/>
                </a:cubicBezTo>
                <a:cubicBezTo>
                  <a:pt x="146" y="556"/>
                  <a:pt x="111" y="512"/>
                  <a:pt x="96" y="483"/>
                </a:cubicBezTo>
                <a:cubicBezTo>
                  <a:pt x="515" y="483"/>
                  <a:pt x="515" y="483"/>
                  <a:pt x="515" y="483"/>
                </a:cubicBezTo>
                <a:cubicBezTo>
                  <a:pt x="536" y="480"/>
                  <a:pt x="536" y="461"/>
                  <a:pt x="515" y="460"/>
                </a:cubicBezTo>
                <a:cubicBezTo>
                  <a:pt x="89" y="460"/>
                  <a:pt x="89" y="460"/>
                  <a:pt x="89" y="460"/>
                </a:cubicBezTo>
                <a:cubicBezTo>
                  <a:pt x="55" y="460"/>
                  <a:pt x="23" y="425"/>
                  <a:pt x="0" y="388"/>
                </a:cubicBezTo>
                <a:moveTo>
                  <a:pt x="1920" y="388"/>
                </a:moveTo>
                <a:cubicBezTo>
                  <a:pt x="1320" y="388"/>
                  <a:pt x="1320" y="388"/>
                  <a:pt x="1320" y="388"/>
                </a:cubicBezTo>
                <a:cubicBezTo>
                  <a:pt x="1298" y="495"/>
                  <a:pt x="1222" y="584"/>
                  <a:pt x="1071" y="646"/>
                </a:cubicBezTo>
                <a:cubicBezTo>
                  <a:pt x="1088" y="697"/>
                  <a:pt x="1147" y="744"/>
                  <a:pt x="1208" y="744"/>
                </a:cubicBezTo>
                <a:cubicBezTo>
                  <a:pt x="1533" y="744"/>
                  <a:pt x="1533" y="744"/>
                  <a:pt x="1533" y="744"/>
                </a:cubicBezTo>
                <a:cubicBezTo>
                  <a:pt x="1583" y="744"/>
                  <a:pt x="1622" y="703"/>
                  <a:pt x="1638" y="671"/>
                </a:cubicBezTo>
                <a:cubicBezTo>
                  <a:pt x="1307" y="671"/>
                  <a:pt x="1307" y="671"/>
                  <a:pt x="1307" y="671"/>
                </a:cubicBezTo>
                <a:cubicBezTo>
                  <a:pt x="1287" y="668"/>
                  <a:pt x="1286" y="652"/>
                  <a:pt x="1306" y="650"/>
                </a:cubicBezTo>
                <a:cubicBezTo>
                  <a:pt x="1631" y="650"/>
                  <a:pt x="1631" y="650"/>
                  <a:pt x="1631" y="650"/>
                </a:cubicBezTo>
                <a:cubicBezTo>
                  <a:pt x="1673" y="650"/>
                  <a:pt x="1711" y="615"/>
                  <a:pt x="1733" y="577"/>
                </a:cubicBezTo>
                <a:cubicBezTo>
                  <a:pt x="1355" y="577"/>
                  <a:pt x="1355" y="577"/>
                  <a:pt x="1355" y="577"/>
                </a:cubicBezTo>
                <a:cubicBezTo>
                  <a:pt x="1336" y="574"/>
                  <a:pt x="1336" y="558"/>
                  <a:pt x="1355" y="556"/>
                </a:cubicBezTo>
                <a:cubicBezTo>
                  <a:pt x="1736" y="556"/>
                  <a:pt x="1736" y="556"/>
                  <a:pt x="1736" y="556"/>
                </a:cubicBezTo>
                <a:cubicBezTo>
                  <a:pt x="1774" y="556"/>
                  <a:pt x="1809" y="512"/>
                  <a:pt x="1824" y="483"/>
                </a:cubicBezTo>
                <a:cubicBezTo>
                  <a:pt x="1405" y="483"/>
                  <a:pt x="1405" y="483"/>
                  <a:pt x="1405" y="483"/>
                </a:cubicBezTo>
                <a:cubicBezTo>
                  <a:pt x="1384" y="480"/>
                  <a:pt x="1384" y="461"/>
                  <a:pt x="1405" y="460"/>
                </a:cubicBezTo>
                <a:cubicBezTo>
                  <a:pt x="1831" y="460"/>
                  <a:pt x="1831" y="460"/>
                  <a:pt x="1831" y="460"/>
                </a:cubicBezTo>
                <a:cubicBezTo>
                  <a:pt x="1865" y="460"/>
                  <a:pt x="1897" y="425"/>
                  <a:pt x="1920" y="388"/>
                </a:cubicBezTo>
                <a:moveTo>
                  <a:pt x="1245" y="1200"/>
                </a:moveTo>
                <a:cubicBezTo>
                  <a:pt x="1437" y="819"/>
                  <a:pt x="1437" y="819"/>
                  <a:pt x="1437" y="819"/>
                </a:cubicBezTo>
                <a:cubicBezTo>
                  <a:pt x="1563" y="819"/>
                  <a:pt x="1563" y="819"/>
                  <a:pt x="1563" y="819"/>
                </a:cubicBezTo>
                <a:cubicBezTo>
                  <a:pt x="1643" y="1200"/>
                  <a:pt x="1643" y="1200"/>
                  <a:pt x="1643" y="1200"/>
                </a:cubicBezTo>
                <a:cubicBezTo>
                  <a:pt x="1523" y="1200"/>
                  <a:pt x="1523" y="1200"/>
                  <a:pt x="1523" y="1200"/>
                </a:cubicBezTo>
                <a:cubicBezTo>
                  <a:pt x="1518" y="1155"/>
                  <a:pt x="1518" y="1155"/>
                  <a:pt x="1518" y="1155"/>
                </a:cubicBezTo>
                <a:cubicBezTo>
                  <a:pt x="1392" y="1155"/>
                  <a:pt x="1392" y="1155"/>
                  <a:pt x="1392" y="1155"/>
                </a:cubicBezTo>
                <a:cubicBezTo>
                  <a:pt x="1371" y="1200"/>
                  <a:pt x="1371" y="1200"/>
                  <a:pt x="1371" y="1200"/>
                </a:cubicBezTo>
                <a:lnTo>
                  <a:pt x="1245" y="1200"/>
                </a:lnTo>
                <a:close/>
                <a:moveTo>
                  <a:pt x="1423" y="1075"/>
                </a:moveTo>
                <a:cubicBezTo>
                  <a:pt x="1504" y="1075"/>
                  <a:pt x="1504" y="1075"/>
                  <a:pt x="1504" y="1075"/>
                </a:cubicBezTo>
                <a:cubicBezTo>
                  <a:pt x="1483" y="936"/>
                  <a:pt x="1483" y="936"/>
                  <a:pt x="1483" y="936"/>
                </a:cubicBezTo>
                <a:lnTo>
                  <a:pt x="1423" y="1075"/>
                </a:lnTo>
                <a:close/>
                <a:moveTo>
                  <a:pt x="994" y="1200"/>
                </a:moveTo>
                <a:cubicBezTo>
                  <a:pt x="1038" y="914"/>
                  <a:pt x="1038" y="914"/>
                  <a:pt x="1038" y="914"/>
                </a:cubicBezTo>
                <a:cubicBezTo>
                  <a:pt x="927" y="914"/>
                  <a:pt x="927" y="914"/>
                  <a:pt x="927" y="914"/>
                </a:cubicBezTo>
                <a:cubicBezTo>
                  <a:pt x="946" y="817"/>
                  <a:pt x="946" y="817"/>
                  <a:pt x="946" y="817"/>
                </a:cubicBezTo>
                <a:cubicBezTo>
                  <a:pt x="1289" y="817"/>
                  <a:pt x="1289" y="817"/>
                  <a:pt x="1289" y="817"/>
                </a:cubicBezTo>
                <a:cubicBezTo>
                  <a:pt x="1269" y="914"/>
                  <a:pt x="1269" y="914"/>
                  <a:pt x="1269" y="914"/>
                </a:cubicBezTo>
                <a:cubicBezTo>
                  <a:pt x="1163" y="914"/>
                  <a:pt x="1163" y="914"/>
                  <a:pt x="1163" y="914"/>
                </a:cubicBezTo>
                <a:cubicBezTo>
                  <a:pt x="1120" y="1200"/>
                  <a:pt x="1120" y="1200"/>
                  <a:pt x="1120" y="1200"/>
                </a:cubicBezTo>
                <a:lnTo>
                  <a:pt x="994" y="1200"/>
                </a:lnTo>
                <a:close/>
                <a:moveTo>
                  <a:pt x="479" y="1200"/>
                </a:moveTo>
                <a:cubicBezTo>
                  <a:pt x="672" y="819"/>
                  <a:pt x="672" y="819"/>
                  <a:pt x="672" y="819"/>
                </a:cubicBezTo>
                <a:cubicBezTo>
                  <a:pt x="798" y="819"/>
                  <a:pt x="798" y="819"/>
                  <a:pt x="798" y="819"/>
                </a:cubicBezTo>
                <a:cubicBezTo>
                  <a:pt x="877" y="1200"/>
                  <a:pt x="877" y="1200"/>
                  <a:pt x="877" y="1200"/>
                </a:cubicBezTo>
                <a:cubicBezTo>
                  <a:pt x="759" y="1200"/>
                  <a:pt x="759" y="1200"/>
                  <a:pt x="759" y="1200"/>
                </a:cubicBezTo>
                <a:cubicBezTo>
                  <a:pt x="752" y="1155"/>
                  <a:pt x="752" y="1155"/>
                  <a:pt x="752" y="1155"/>
                </a:cubicBezTo>
                <a:cubicBezTo>
                  <a:pt x="626" y="1155"/>
                  <a:pt x="626" y="1155"/>
                  <a:pt x="626" y="1155"/>
                </a:cubicBezTo>
                <a:cubicBezTo>
                  <a:pt x="606" y="1200"/>
                  <a:pt x="606" y="1200"/>
                  <a:pt x="606" y="1200"/>
                </a:cubicBezTo>
                <a:lnTo>
                  <a:pt x="479" y="1200"/>
                </a:lnTo>
                <a:close/>
                <a:moveTo>
                  <a:pt x="657" y="1075"/>
                </a:moveTo>
                <a:cubicBezTo>
                  <a:pt x="739" y="1075"/>
                  <a:pt x="739" y="1075"/>
                  <a:pt x="739" y="1075"/>
                </a:cubicBezTo>
                <a:cubicBezTo>
                  <a:pt x="717" y="936"/>
                  <a:pt x="717" y="936"/>
                  <a:pt x="717" y="936"/>
                </a:cubicBezTo>
                <a:lnTo>
                  <a:pt x="657" y="1075"/>
                </a:lnTo>
                <a:close/>
                <a:moveTo>
                  <a:pt x="273" y="1200"/>
                </a:moveTo>
                <a:cubicBezTo>
                  <a:pt x="351" y="819"/>
                  <a:pt x="351" y="819"/>
                  <a:pt x="351" y="819"/>
                </a:cubicBezTo>
                <a:cubicBezTo>
                  <a:pt x="479" y="819"/>
                  <a:pt x="479" y="819"/>
                  <a:pt x="479" y="819"/>
                </a:cubicBezTo>
                <a:cubicBezTo>
                  <a:pt x="401" y="1200"/>
                  <a:pt x="401" y="1200"/>
                  <a:pt x="401" y="1200"/>
                </a:cubicBezTo>
                <a:lnTo>
                  <a:pt x="273" y="1200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 sz="1645"/>
          </a:p>
        </p:txBody>
      </p:sp>
      <p:sp>
        <p:nvSpPr>
          <p:cNvPr id="2" name="Footer Placeholder 28">
            <a:extLst>
              <a:ext uri="{FF2B5EF4-FFF2-40B4-BE49-F238E27FC236}">
                <a16:creationId xmlns:a16="http://schemas.microsoft.com/office/drawing/2014/main" id="{DEE4386E-A5E4-A094-5CB1-0C1254E86A56}"/>
              </a:ext>
            </a:extLst>
          </p:cNvPr>
          <p:cNvSpPr txBox="1">
            <a:spLocks/>
          </p:cNvSpPr>
          <p:nvPr/>
        </p:nvSpPr>
        <p:spPr>
          <a:xfrm>
            <a:off x="320606" y="6162324"/>
            <a:ext cx="4950130" cy="365125"/>
          </a:xfrm>
          <a:prstGeom prst="rect">
            <a:avLst/>
          </a:prstGeom>
        </p:spPr>
        <p:txBody>
          <a:bodyPr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400" dirty="0">
                <a:solidFill>
                  <a:prstClr val="white"/>
                </a:solidFill>
                <a:latin typeface="Aktiv Grotesk"/>
              </a:rPr>
              <a:t>#IATAWCS</a:t>
            </a:r>
          </a:p>
        </p:txBody>
      </p:sp>
      <p:sp>
        <p:nvSpPr>
          <p:cNvPr id="3" name="Location, Dates">
            <a:extLst>
              <a:ext uri="{FF2B5EF4-FFF2-40B4-BE49-F238E27FC236}">
                <a16:creationId xmlns:a16="http://schemas.microsoft.com/office/drawing/2014/main" id="{AFCF3405-B6C0-09A4-4DE0-98D71A0EA677}"/>
              </a:ext>
            </a:extLst>
          </p:cNvPr>
          <p:cNvSpPr txBox="1"/>
          <p:nvPr/>
        </p:nvSpPr>
        <p:spPr>
          <a:xfrm>
            <a:off x="320606" y="3108842"/>
            <a:ext cx="500970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b="1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Lima, Peru</a:t>
            </a:r>
          </a:p>
          <a:p>
            <a:r>
              <a:rPr lang="en-US" sz="2400" b="1" dirty="0">
                <a:solidFill>
                  <a:schemeClr val="bg1"/>
                </a:solidFill>
                <a:latin typeface="Aktiv Grotesk Medium" panose="020B0504020202020204" pitchFamily="34" charset="0"/>
                <a:ea typeface="Aktiv Grotesk Medium" panose="020B0504020202020204" pitchFamily="34" charset="0"/>
                <a:cs typeface="Aktiv Grotesk Medium" panose="020B0504020202020204" pitchFamily="34" charset="0"/>
              </a:rPr>
              <a:t>10 – 12 March 2026</a:t>
            </a:r>
          </a:p>
        </p:txBody>
      </p:sp>
      <p:sp>
        <p:nvSpPr>
          <p:cNvPr id="19" name="Oval 18">
            <a:extLst>
              <a:ext uri="{FF2B5EF4-FFF2-40B4-BE49-F238E27FC236}">
                <a16:creationId xmlns:a16="http://schemas.microsoft.com/office/drawing/2014/main" id="{7C24A584-C9F3-A4BE-FA8D-C7017B9CECB6}"/>
              </a:ext>
            </a:extLst>
          </p:cNvPr>
          <p:cNvSpPr/>
          <p:nvPr/>
        </p:nvSpPr>
        <p:spPr>
          <a:xfrm>
            <a:off x="6696926" y="405316"/>
            <a:ext cx="4673599" cy="4679201"/>
          </a:xfrm>
          <a:prstGeom prst="ellipse">
            <a:avLst/>
          </a:prstGeom>
          <a:solidFill>
            <a:schemeClr val="bg2">
              <a:lumMod val="90000"/>
            </a:schemeClr>
          </a:solidFill>
          <a:ln>
            <a:noFill/>
          </a:ln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4778783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14">
            <a:extLst>
              <a:ext uri="{FF2B5EF4-FFF2-40B4-BE49-F238E27FC236}">
                <a16:creationId xmlns:a16="http://schemas.microsoft.com/office/drawing/2014/main" id="{68D8AFE2-E8FC-1BBD-7EC5-6A8F91155DEA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779"/>
            <a:ext cx="12191999" cy="685644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1079133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97207662696205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97fa855e-821b-4a41-b4d6-9285b648b050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echezurian\AppData\Local\Temp\Templafy\PowerPointVsto\Assets\IATA-WORLD-CARGO-SYMPOSIUM-2_RGB_ForPPT.png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IATA_Master">
  <a:themeElements>
    <a:clrScheme name="IATA">
      <a:dk1>
        <a:sysClr val="windowText" lastClr="000000"/>
      </a:dk1>
      <a:lt1>
        <a:sysClr val="window" lastClr="FFFFFF"/>
      </a:lt1>
      <a:dk2>
        <a:srgbClr val="000000"/>
      </a:dk2>
      <a:lt2>
        <a:srgbClr val="E6E6E6"/>
      </a:lt2>
      <a:accent1>
        <a:srgbClr val="1E32FA"/>
      </a:accent1>
      <a:accent2>
        <a:srgbClr val="FAC832"/>
      </a:accent2>
      <a:accent3>
        <a:srgbClr val="F04632"/>
      </a:accent3>
      <a:accent4>
        <a:srgbClr val="289632"/>
      </a:accent4>
      <a:accent5>
        <a:srgbClr val="F046C8"/>
      </a:accent5>
      <a:accent6>
        <a:srgbClr val="5A14A0"/>
      </a:accent6>
      <a:hlink>
        <a:srgbClr val="1E32FA"/>
      </a:hlink>
      <a:folHlink>
        <a:srgbClr val="5A14A0"/>
      </a:folHlink>
    </a:clrScheme>
    <a:fontScheme name="IATA">
      <a:majorFont>
        <a:latin typeface="Aktiv Grotesk Medium"/>
        <a:ea typeface=""/>
        <a:cs typeface=""/>
      </a:majorFont>
      <a:minorFont>
        <a:latin typeface="Aktiv Grotesk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PPT_default.pptx  -  Read-Only" id="{3393D6F6-3DDF-4AD8-AF70-01B8C861C0E9}" vid="{9069597E-579C-472E-93EE-52701DC46031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da655568-1247-43c7-b5ce-0d71de2fb494" xsi:nil="true"/>
    <lcf76f155ced4ddcb4097134ff3c332f xmlns="4ffaaae9-dc8c-459f-a92e-1529c78bcbdb">
      <Terms xmlns="http://schemas.microsoft.com/office/infopath/2007/PartnerControls"/>
    </lcf76f155ced4ddcb4097134ff3c332f>
    <Teammemberincharge xmlns="4ffaaae9-dc8c-459f-a92e-1529c78bcbdb" xsi:nil="true"/>
    <SharedWithUsers xmlns="86e16ca4-215f-4354-b2b5-4fac53992da1">
      <UserInfo>
        <DisplayName>Katie Erofeeva</DisplayName>
        <AccountId>90</AccountId>
        <AccountType/>
      </UserInfo>
      <UserInfo>
        <DisplayName>Kim Wee</DisplayName>
        <AccountId>51</AccountId>
        <AccountType/>
      </UserInfo>
      <UserInfo>
        <DisplayName>Macarena Losada</DisplayName>
        <AccountId>87</AccountId>
        <AccountType/>
      </UserInfo>
    </SharedWithUsers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2D35BE1AB82ED949983D4C3BEFB295AA" ma:contentTypeVersion="19" ma:contentTypeDescription="Create a new document." ma:contentTypeScope="" ma:versionID="8ddd99b71bf0388c7b93c71865c96e3c">
  <xsd:schema xmlns:xsd="http://www.w3.org/2001/XMLSchema" xmlns:xs="http://www.w3.org/2001/XMLSchema" xmlns:p="http://schemas.microsoft.com/office/2006/metadata/properties" xmlns:ns2="4ffaaae9-dc8c-459f-a92e-1529c78bcbdb" xmlns:ns3="86e16ca4-215f-4354-b2b5-4fac53992da1" xmlns:ns4="da655568-1247-43c7-b5ce-0d71de2fb494" targetNamespace="http://schemas.microsoft.com/office/2006/metadata/properties" ma:root="true" ma:fieldsID="527dc623d05d98141f8c1c9345ae6690" ns2:_="" ns3:_="" ns4:_="">
    <xsd:import namespace="4ffaaae9-dc8c-459f-a92e-1529c78bcbdb"/>
    <xsd:import namespace="86e16ca4-215f-4354-b2b5-4fac53992da1"/>
    <xsd:import namespace="da655568-1247-43c7-b5ce-0d71de2fb4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3:SharedWithUsers" minOccurs="0"/>
                <xsd:element ref="ns3:SharedWithDetails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lcf76f155ced4ddcb4097134ff3c332f" minOccurs="0"/>
                <xsd:element ref="ns4:TaxCatchAll" minOccurs="0"/>
                <xsd:element ref="ns2:MediaLengthInSeconds" minOccurs="0"/>
                <xsd:element ref="ns2:MediaServiceLocation" minOccurs="0"/>
                <xsd:element ref="ns2:Teammemberincharge" minOccurs="0"/>
                <xsd:element ref="ns2:MediaServiceObjectDetectorVersions" minOccurs="0"/>
                <xsd:element ref="ns2:MediaServiceSearchPropertie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ffaaae9-dc8c-459f-a92e-1529c78bcbd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OCR" ma:index="15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6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7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8" nillable="true" ma:displayName="MediaServiceDateTaken" ma:hidden="true" ma:internalName="MediaServiceDateTake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Image Tags" ma:readOnly="false" ma:fieldId="{5cf76f15-5ced-4ddc-b409-7134ff3c332f}" ma:taxonomyMulti="true" ma:sspId="972a7312-740c-42ad-98bd-109d277010bd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  <xsd:element name="MediaLengthInSeconds" ma:index="22" nillable="true" ma:displayName="MediaLengthInSeconds" ma:hidden="true" ma:internalName="MediaLengthInSeconds" ma:readOnly="true">
      <xsd:simpleType>
        <xsd:restriction base="dms:Unknown"/>
      </xsd:simpleType>
    </xsd:element>
    <xsd:element name="MediaServiceLocation" ma:index="23" nillable="true" ma:displayName="Location" ma:indexed="true" ma:internalName="MediaServiceLocation" ma:readOnly="true">
      <xsd:simpleType>
        <xsd:restriction base="dms:Text"/>
      </xsd:simpleType>
    </xsd:element>
    <xsd:element name="Teammemberincharge" ma:index="24" nillable="true" ma:displayName="Team member in charge" ma:format="Dropdown" ma:internalName="Teammemberincharge">
      <xsd:simpleType>
        <xsd:restriction base="dms:Text">
          <xsd:maxLength value="255"/>
        </xsd:restriction>
      </xsd:simpleType>
    </xsd:element>
    <xsd:element name="MediaServiceObjectDetectorVersions" ma:index="25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SearchProperties" ma:index="26" nillable="true" ma:displayName="MediaServiceSearchProperties" ma:hidden="true" ma:internalName="MediaServiceSearchProperties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6e16ca4-215f-4354-b2b5-4fac53992da1" elementFormDefault="qualified">
    <xsd:import namespace="http://schemas.microsoft.com/office/2006/documentManagement/types"/>
    <xsd:import namespace="http://schemas.microsoft.com/office/infopath/2007/PartnerControls"/>
    <xsd:element name="SharedWithUsers" ma:index="12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3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a655568-1247-43c7-b5ce-0d71de2fb494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7047f723-34d2-452b-a2e8-72a6afe5340e}" ma:internalName="TaxCatchAll" ma:showField="CatchAllData" ma:web="86e16ca4-215f-4354-b2b5-4fac53992da1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B98825FB-E388-4F1F-8116-2A8A65DD839A}">
  <ds:schemaRefs>
    <ds:schemaRef ds:uri="http://schemas.microsoft.com/office/2006/documentManagement/types"/>
    <ds:schemaRef ds:uri="da655568-1247-43c7-b5ce-0d71de2fb494"/>
    <ds:schemaRef ds:uri="http://purl.org/dc/elements/1.1/"/>
    <ds:schemaRef ds:uri="http://schemas.microsoft.com/office/2006/metadata/properties"/>
    <ds:schemaRef ds:uri="http://schemas.microsoft.com/office/infopath/2007/PartnerControls"/>
    <ds:schemaRef ds:uri="86e16ca4-215f-4354-b2b5-4fac53992da1"/>
    <ds:schemaRef ds:uri="http://purl.org/dc/terms/"/>
    <ds:schemaRef ds:uri="http://schemas.openxmlformats.org/package/2006/metadata/core-properties"/>
    <ds:schemaRef ds:uri="4ffaaae9-dc8c-459f-a92e-1529c78bcbdb"/>
    <ds:schemaRef ds:uri="http://www.w3.org/XML/1998/namespace"/>
    <ds:schemaRef ds:uri="http://purl.org/dc/dcmitype/"/>
  </ds:schemaRefs>
</ds:datastoreItem>
</file>

<file path=customXml/itemProps2.xml><?xml version="1.0" encoding="utf-8"?>
<ds:datastoreItem xmlns:ds="http://schemas.openxmlformats.org/officeDocument/2006/customXml" ds:itemID="{1748A618-3DC1-4085-AFA7-457ABC695961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78828E79-21B0-4D42-AAB4-6C750AC86AAB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4ffaaae9-dc8c-459f-a92e-1529c78bcbdb"/>
    <ds:schemaRef ds:uri="86e16ca4-215f-4354-b2b5-4fac53992da1"/>
    <ds:schemaRef ds:uri="da655568-1247-43c7-b5ce-0d71de2fb494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Metadata/LabelInfo.xml><?xml version="1.0" encoding="utf-8"?>
<clbl:labelList xmlns:clbl="http://schemas.microsoft.com/office/2020/mipLabelMetadata">
  <clbl:label id="{ad221784-72a8-4263-ac86-0ccc6b152cd8}" enabled="0" method="" siteId="{ad221784-72a8-4263-ac86-0ccc6b152cd8}" removed="1"/>
</clbl:labelList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223</TotalTime>
  <Words>121</Words>
  <Application>Microsoft Office PowerPoint</Application>
  <PresentationFormat>Widescreen</PresentationFormat>
  <Paragraphs>10</Paragraphs>
  <Slides>4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4</vt:i4>
      </vt:variant>
    </vt:vector>
  </HeadingPairs>
  <TitlesOfParts>
    <vt:vector size="12" baseType="lpstr">
      <vt:lpstr>Aktiv Grotesk</vt:lpstr>
      <vt:lpstr>Aktiv Grotesk Medium</vt:lpstr>
      <vt:lpstr>Arial</vt:lpstr>
      <vt:lpstr>Calibri</vt:lpstr>
      <vt:lpstr>Calibri Light</vt:lpstr>
      <vt:lpstr>Wingdings</vt:lpstr>
      <vt:lpstr>Office Theme</vt:lpstr>
      <vt:lpstr>IATA_Master</vt:lpstr>
      <vt:lpstr>PowerPoint Presentation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NS Advocacy Kit</dc:title>
  <dc:creator>DeSantis, Christina</dc:creator>
  <cp:lastModifiedBy>Theo Viola</cp:lastModifiedBy>
  <cp:revision>6</cp:revision>
  <dcterms:created xsi:type="dcterms:W3CDTF">2021-04-21T15:11:41Z</dcterms:created>
  <dcterms:modified xsi:type="dcterms:W3CDTF">2025-04-22T09:23:05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MSIP_Label_2bbab825-a111-45e4-86a1-18cee0005896_Enabled">
    <vt:lpwstr>true</vt:lpwstr>
  </property>
  <property fmtid="{D5CDD505-2E9C-101B-9397-08002B2CF9AE}" pid="3" name="MSIP_Label_2bbab825-a111-45e4-86a1-18cee0005896_SetDate">
    <vt:lpwstr>2021-04-21T15:11:42Z</vt:lpwstr>
  </property>
  <property fmtid="{D5CDD505-2E9C-101B-9397-08002B2CF9AE}" pid="4" name="MSIP_Label_2bbab825-a111-45e4-86a1-18cee0005896_Method">
    <vt:lpwstr>Standard</vt:lpwstr>
  </property>
  <property fmtid="{D5CDD505-2E9C-101B-9397-08002B2CF9AE}" pid="5" name="MSIP_Label_2bbab825-a111-45e4-86a1-18cee0005896_Name">
    <vt:lpwstr>2bbab825-a111-45e4-86a1-18cee0005896</vt:lpwstr>
  </property>
  <property fmtid="{D5CDD505-2E9C-101B-9397-08002B2CF9AE}" pid="6" name="MSIP_Label_2bbab825-a111-45e4-86a1-18cee0005896_SiteId">
    <vt:lpwstr>2567d566-604c-408a-8a60-55d0dc9d9d6b</vt:lpwstr>
  </property>
  <property fmtid="{D5CDD505-2E9C-101B-9397-08002B2CF9AE}" pid="7" name="MSIP_Label_2bbab825-a111-45e4-86a1-18cee0005896_ActionId">
    <vt:lpwstr>bd1f98e2-eeee-4e66-acd1-aec6dc875dae</vt:lpwstr>
  </property>
  <property fmtid="{D5CDD505-2E9C-101B-9397-08002B2CF9AE}" pid="8" name="MSIP_Label_2bbab825-a111-45e4-86a1-18cee0005896_ContentBits">
    <vt:lpwstr>2</vt:lpwstr>
  </property>
  <property fmtid="{D5CDD505-2E9C-101B-9397-08002B2CF9AE}" pid="9" name="ClassificationContentMarkingFooterLocations">
    <vt:lpwstr>Office Theme:8</vt:lpwstr>
  </property>
  <property fmtid="{D5CDD505-2E9C-101B-9397-08002B2CF9AE}" pid="10" name="ClassificationContentMarkingFooterText">
    <vt:lpwstr>Information Classification: General</vt:lpwstr>
  </property>
  <property fmtid="{D5CDD505-2E9C-101B-9397-08002B2CF9AE}" pid="11" name="ContentTypeId">
    <vt:lpwstr>0x0101002D35BE1AB82ED949983D4C3BEFB295AA</vt:lpwstr>
  </property>
  <property fmtid="{D5CDD505-2E9C-101B-9397-08002B2CF9AE}" pid="12" name="MediaServiceImageTags">
    <vt:lpwstr/>
  </property>
  <property fmtid="{D5CDD505-2E9C-101B-9397-08002B2CF9AE}" pid="13" name="Order">
    <vt:lpwstr>299200.000000000</vt:lpwstr>
  </property>
  <property fmtid="{D5CDD505-2E9C-101B-9397-08002B2CF9AE}" pid="14" name="xd_ProgID">
    <vt:lpwstr/>
  </property>
  <property fmtid="{D5CDD505-2E9C-101B-9397-08002B2CF9AE}" pid="15" name="ComplianceAssetId">
    <vt:lpwstr/>
  </property>
  <property fmtid="{D5CDD505-2E9C-101B-9397-08002B2CF9AE}" pid="16" name="TemplateUrl">
    <vt:lpwstr/>
  </property>
  <property fmtid="{D5CDD505-2E9C-101B-9397-08002B2CF9AE}" pid="17" name="_ExtendedDescription">
    <vt:lpwstr/>
  </property>
  <property fmtid="{D5CDD505-2E9C-101B-9397-08002B2CF9AE}" pid="18" name="TriggerFlowInfo">
    <vt:lpwstr/>
  </property>
  <property fmtid="{D5CDD505-2E9C-101B-9397-08002B2CF9AE}" pid="19" name="xd_Signature">
    <vt:lpwstr/>
  </property>
  <property fmtid="{D5CDD505-2E9C-101B-9397-08002B2CF9AE}" pid="20" name="SharedWithUsers">
    <vt:lpwstr>90;#Katie Erofeeva;#51;#Kim Wee;#87;#Macarena Losada</vt:lpwstr>
  </property>
</Properties>
</file>